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04_R8.02.17 共通【受験者数】\06_HP用データ\"/>
    </mc:Choice>
  </mc:AlternateContent>
  <xr:revisionPtr revIDLastSave="0" documentId="8_{21619DBE-D83E-4C56-B467-BC75C023C6B3}" xr6:coauthVersionLast="47" xr6:coauthVersionMax="47" xr10:uidLastSave="{00000000-0000-0000-0000-000000000000}"/>
  <bookViews>
    <workbookView xWindow="2130" yWindow="330" windowWidth="24795" windowHeight="15585" xr2:uid="{9BE703BA-B8F3-4E9D-99B1-C1E4CAFB2C2A}"/>
  </bookViews>
  <sheets>
    <sheet name="普通科・クリエイティブ" sheetId="4" r:id="rId1"/>
    <sheet name="専門学科" sheetId="8" r:id="rId2"/>
    <sheet name="単位制" sheetId="7" r:id="rId3"/>
    <sheet name="定・通" sheetId="6" r:id="rId4"/>
    <sheet name="特別募集等" sheetId="5" r:id="rId5"/>
  </sheets>
  <definedNames>
    <definedName name="_xlnm._FilterDatabase" localSheetId="0" hidden="1">普通科・クリエイティブ!$C$5:$K$146</definedName>
    <definedName name="_xlnm.Print_Area" localSheetId="1">専門学科!$A$1:$L$202</definedName>
    <definedName name="_xlnm.Print_Area" localSheetId="2">単位制!$A$1:$L$188</definedName>
    <definedName name="_xlnm.Print_Area" localSheetId="3">定・通!$A$1:$M$123</definedName>
    <definedName name="_xlnm.Print_Area" localSheetId="4">特別募集等!$A$1:$J$144</definedName>
    <definedName name="_xlnm.Print_Area" localSheetId="0">普通科・クリエイティブ!$A$1:$L$164</definedName>
    <definedName name="_xlnm.Print_Titles" localSheetId="0">普通科・クリエイティブ!$6:$1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238" uniqueCount="425">
  <si>
    <t xml:space="preserve"> 学 校 名</t>
    <rPh sb="1" eb="2">
      <t>ガク</t>
    </rPh>
    <rPh sb="3" eb="4">
      <t>コウ</t>
    </rPh>
    <rPh sb="5" eb="6">
      <t>メイ</t>
    </rPh>
    <phoneticPr fontId="5"/>
  </si>
  <si>
    <t>普通科</t>
  </si>
  <si>
    <t>単位制普通科</t>
  </si>
  <si>
    <t>別紙３</t>
    <rPh sb="0" eb="2">
      <t>ベッシ</t>
    </rPh>
    <phoneticPr fontId="5"/>
  </si>
  <si>
    <t>１　一般募集共通選抜学力検査受検状況　（全日制の課程）</t>
    <rPh sb="2" eb="4">
      <t>イッパン</t>
    </rPh>
    <rPh sb="4" eb="6">
      <t>ボシュウ</t>
    </rPh>
    <rPh sb="6" eb="8">
      <t>キョウツウ</t>
    </rPh>
    <rPh sb="8" eb="10">
      <t>センバツ</t>
    </rPh>
    <rPh sb="10" eb="12">
      <t>ガクリョク</t>
    </rPh>
    <rPh sb="12" eb="14">
      <t>ケンサ</t>
    </rPh>
    <rPh sb="14" eb="16">
      <t>ジュケン</t>
    </rPh>
    <rPh sb="16" eb="18">
      <t>ジョウキョウ</t>
    </rPh>
    <rPh sb="20" eb="23">
      <t>ゼンニチセイ</t>
    </rPh>
    <rPh sb="24" eb="26">
      <t>カテイ</t>
    </rPh>
    <phoneticPr fontId="5"/>
  </si>
  <si>
    <t>普通科　（クリエイティブスクールを除く。）</t>
    <rPh sb="17" eb="18">
      <t>ノゾ</t>
    </rPh>
    <phoneticPr fontId="5"/>
  </si>
  <si>
    <t>地</t>
    <rPh sb="0" eb="1">
      <t>チ</t>
    </rPh>
    <phoneticPr fontId="5"/>
  </si>
  <si>
    <t>２月９日</t>
    <rPh sb="1" eb="2">
      <t>ガツ</t>
    </rPh>
    <rPh sb="3" eb="4">
      <t>ニチ</t>
    </rPh>
    <phoneticPr fontId="5"/>
  </si>
  <si>
    <t>学力検査</t>
    <rPh sb="0" eb="2">
      <t>ガクリョク</t>
    </rPh>
    <rPh sb="2" eb="4">
      <t>ケンサ</t>
    </rPh>
    <phoneticPr fontId="5"/>
  </si>
  <si>
    <t>２月17日</t>
    <rPh sb="1" eb="2">
      <t>ガツ</t>
    </rPh>
    <rPh sb="4" eb="5">
      <t>ニチ</t>
    </rPh>
    <phoneticPr fontId="5"/>
  </si>
  <si>
    <t>前年度
競争率</t>
    <rPh sb="4" eb="7">
      <t>キョウソウリツ</t>
    </rPh>
    <phoneticPr fontId="5"/>
  </si>
  <si>
    <t>募集定員</t>
    <rPh sb="0" eb="2">
      <t>ボシュウ</t>
    </rPh>
    <rPh sb="2" eb="4">
      <t>テイイン</t>
    </rPh>
    <phoneticPr fontId="5"/>
  </si>
  <si>
    <t>志願者数</t>
    <rPh sb="0" eb="3">
      <t>シガンシャ</t>
    </rPh>
    <rPh sb="3" eb="4">
      <t>スウ</t>
    </rPh>
    <phoneticPr fontId="5"/>
  </si>
  <si>
    <t>受検者数</t>
    <rPh sb="0" eb="2">
      <t>ジュケン</t>
    </rPh>
    <rPh sb="2" eb="3">
      <t>シャ</t>
    </rPh>
    <rPh sb="3" eb="4">
      <t>スウ</t>
    </rPh>
    <phoneticPr fontId="5"/>
  </si>
  <si>
    <t>競争率</t>
    <phoneticPr fontId="5"/>
  </si>
  <si>
    <t>区</t>
    <rPh sb="0" eb="1">
      <t>ク</t>
    </rPh>
    <phoneticPr fontId="5"/>
  </si>
  <si>
    <t>(A)</t>
    <phoneticPr fontId="5"/>
  </si>
  <si>
    <t>(B)</t>
    <phoneticPr fontId="5"/>
  </si>
  <si>
    <t>(B/A)</t>
    <phoneticPr fontId="5"/>
  </si>
  <si>
    <t>横浜北</t>
    <rPh sb="0" eb="2">
      <t>ヨコハマ</t>
    </rPh>
    <rPh sb="2" eb="3">
      <t>キタ</t>
    </rPh>
    <phoneticPr fontId="5"/>
  </si>
  <si>
    <t>県立鶴見</t>
    <rPh sb="0" eb="2">
      <t>ケンリツ</t>
    </rPh>
    <rPh sb="2" eb="4">
      <t>ツルミ</t>
    </rPh>
    <phoneticPr fontId="5"/>
  </si>
  <si>
    <t>県立横浜翠嵐</t>
    <rPh sb="0" eb="2">
      <t>ケンリツ</t>
    </rPh>
    <rPh sb="2" eb="4">
      <t>ヨコハマ</t>
    </rPh>
    <rPh sb="4" eb="5">
      <t>スイ</t>
    </rPh>
    <rPh sb="5" eb="6">
      <t>ラン</t>
    </rPh>
    <phoneticPr fontId="5"/>
  </si>
  <si>
    <t>県立城郷</t>
    <rPh sb="0" eb="2">
      <t>ケンリツ</t>
    </rPh>
    <rPh sb="2" eb="3">
      <t>シロ</t>
    </rPh>
    <rPh sb="3" eb="4">
      <t>サト</t>
    </rPh>
    <phoneticPr fontId="5"/>
  </si>
  <si>
    <t>県立港北</t>
    <rPh sb="0" eb="2">
      <t>ケンリツ</t>
    </rPh>
    <rPh sb="2" eb="4">
      <t>コウホク</t>
    </rPh>
    <phoneticPr fontId="5"/>
  </si>
  <si>
    <t>県立新羽</t>
    <rPh sb="0" eb="2">
      <t>ケンリツ</t>
    </rPh>
    <rPh sb="2" eb="4">
      <t>ニッパ</t>
    </rPh>
    <phoneticPr fontId="5"/>
  </si>
  <si>
    <t>県立岸根</t>
    <rPh sb="0" eb="2">
      <t>ケンリツ</t>
    </rPh>
    <rPh sb="2" eb="4">
      <t>キシネ</t>
    </rPh>
    <phoneticPr fontId="5"/>
  </si>
  <si>
    <t>県立霧が丘</t>
    <rPh sb="0" eb="2">
      <t>ケンリツ</t>
    </rPh>
    <rPh sb="2" eb="3">
      <t>キリ</t>
    </rPh>
    <rPh sb="4" eb="5">
      <t>オカ</t>
    </rPh>
    <phoneticPr fontId="5"/>
  </si>
  <si>
    <t>県立白山</t>
    <rPh sb="0" eb="2">
      <t>ケンリツ</t>
    </rPh>
    <rPh sb="2" eb="4">
      <t>ハクサン</t>
    </rPh>
    <phoneticPr fontId="5"/>
  </si>
  <si>
    <t>県立市ケ尾</t>
    <rPh sb="0" eb="2">
      <t>ケンリツ</t>
    </rPh>
    <rPh sb="2" eb="3">
      <t>シ</t>
    </rPh>
    <rPh sb="4" eb="5">
      <t>オ</t>
    </rPh>
    <phoneticPr fontId="5"/>
  </si>
  <si>
    <t>県立元石川</t>
    <rPh sb="0" eb="2">
      <t>ケンリツ</t>
    </rPh>
    <rPh sb="2" eb="3">
      <t>モト</t>
    </rPh>
    <rPh sb="3" eb="5">
      <t>イシカワ</t>
    </rPh>
    <phoneticPr fontId="5"/>
  </si>
  <si>
    <t>県立川和</t>
    <rPh sb="0" eb="2">
      <t>ケンリツ</t>
    </rPh>
    <rPh sb="2" eb="4">
      <t>カワワ</t>
    </rPh>
    <phoneticPr fontId="5"/>
  </si>
  <si>
    <t>県立荏田</t>
    <rPh sb="0" eb="2">
      <t>ケンリツ</t>
    </rPh>
    <rPh sb="2" eb="4">
      <t>エダ</t>
    </rPh>
    <phoneticPr fontId="5"/>
  </si>
  <si>
    <t>県立新栄</t>
    <rPh sb="0" eb="2">
      <t>ケンリツ</t>
    </rPh>
    <rPh sb="2" eb="4">
      <t>シンエイ</t>
    </rPh>
    <phoneticPr fontId="5"/>
  </si>
  <si>
    <t>横浜中</t>
    <rPh sb="0" eb="2">
      <t>ヨコハマ</t>
    </rPh>
    <rPh sb="2" eb="3">
      <t>ナカ</t>
    </rPh>
    <phoneticPr fontId="5"/>
  </si>
  <si>
    <t>県立希望ケ丘</t>
    <rPh sb="0" eb="2">
      <t>ケンリツ</t>
    </rPh>
    <rPh sb="2" eb="4">
      <t>キボウ</t>
    </rPh>
    <rPh sb="5" eb="6">
      <t>オカ</t>
    </rPh>
    <phoneticPr fontId="5"/>
  </si>
  <si>
    <t>県立二俣川</t>
    <rPh sb="0" eb="2">
      <t>ケンリツ</t>
    </rPh>
    <rPh sb="2" eb="4">
      <t>フタマタ</t>
    </rPh>
    <rPh sb="4" eb="5">
      <t>ガワ</t>
    </rPh>
    <phoneticPr fontId="5"/>
  </si>
  <si>
    <t>県立旭</t>
    <rPh sb="0" eb="2">
      <t>ケンリツ</t>
    </rPh>
    <rPh sb="2" eb="3">
      <t>アサヒ</t>
    </rPh>
    <phoneticPr fontId="5"/>
  </si>
  <si>
    <t>県立松陽</t>
    <rPh sb="0" eb="2">
      <t>ケンリツ</t>
    </rPh>
    <rPh sb="2" eb="4">
      <t>ショウヨウ</t>
    </rPh>
    <phoneticPr fontId="5"/>
  </si>
  <si>
    <t>県立横浜瀬谷</t>
    <rPh sb="0" eb="2">
      <t>ケンリツ</t>
    </rPh>
    <rPh sb="2" eb="4">
      <t>ヨコハマ</t>
    </rPh>
    <rPh sb="4" eb="6">
      <t>セヤ</t>
    </rPh>
    <phoneticPr fontId="5"/>
  </si>
  <si>
    <t>県立横浜平沼</t>
    <rPh sb="0" eb="2">
      <t>ケンリツ</t>
    </rPh>
    <rPh sb="2" eb="4">
      <t>ヨコハマ</t>
    </rPh>
    <rPh sb="4" eb="6">
      <t>ヒラヌマ</t>
    </rPh>
    <phoneticPr fontId="5"/>
  </si>
  <si>
    <t>県立光陵</t>
    <rPh sb="0" eb="2">
      <t>ケンリツ</t>
    </rPh>
    <rPh sb="2" eb="3">
      <t>コウ</t>
    </rPh>
    <rPh sb="3" eb="4">
      <t>リョウ</t>
    </rPh>
    <phoneticPr fontId="5"/>
  </si>
  <si>
    <t>県立保土ケ谷</t>
    <rPh sb="0" eb="2">
      <t>ケンリツ</t>
    </rPh>
    <rPh sb="2" eb="6">
      <t>ホドガヤ</t>
    </rPh>
    <phoneticPr fontId="5"/>
  </si>
  <si>
    <t>県立舞岡</t>
    <rPh sb="0" eb="2">
      <t>ケンリツ</t>
    </rPh>
    <rPh sb="2" eb="4">
      <t>マイオカ</t>
    </rPh>
    <phoneticPr fontId="5"/>
  </si>
  <si>
    <t>県立上矢部</t>
    <rPh sb="0" eb="2">
      <t>ケンリツ</t>
    </rPh>
    <rPh sb="2" eb="5">
      <t>カミヤベ</t>
    </rPh>
    <phoneticPr fontId="5"/>
  </si>
  <si>
    <t>県立金井</t>
    <rPh sb="0" eb="2">
      <t>ケンリツ</t>
    </rPh>
    <rPh sb="2" eb="4">
      <t>カナイ</t>
    </rPh>
    <phoneticPr fontId="5"/>
  </si>
  <si>
    <t>横浜南</t>
    <rPh sb="0" eb="2">
      <t>ヨコハマ</t>
    </rPh>
    <rPh sb="2" eb="3">
      <t>ミナミ</t>
    </rPh>
    <phoneticPr fontId="5"/>
  </si>
  <si>
    <t>県立横浜南陵</t>
    <rPh sb="0" eb="2">
      <t>ケンリツ</t>
    </rPh>
    <rPh sb="2" eb="4">
      <t>ヨコハマ</t>
    </rPh>
    <rPh sb="4" eb="6">
      <t>ナンリョウ</t>
    </rPh>
    <phoneticPr fontId="5"/>
  </si>
  <si>
    <t>県立柏陽</t>
    <rPh sb="0" eb="2">
      <t>ケンリツ</t>
    </rPh>
    <rPh sb="2" eb="4">
      <t>ハクヨウ</t>
    </rPh>
    <phoneticPr fontId="5"/>
  </si>
  <si>
    <t>県立横浜緑ケ丘</t>
    <rPh sb="0" eb="2">
      <t>ケンリツ</t>
    </rPh>
    <rPh sb="2" eb="4">
      <t>ヨコハマ</t>
    </rPh>
    <rPh sb="4" eb="7">
      <t>ミドリガオカ</t>
    </rPh>
    <phoneticPr fontId="5"/>
  </si>
  <si>
    <t>県立横浜立野</t>
    <rPh sb="0" eb="2">
      <t>ケンリツ</t>
    </rPh>
    <rPh sb="2" eb="4">
      <t>ヨコハマ</t>
    </rPh>
    <rPh sb="4" eb="6">
      <t>タテノ</t>
    </rPh>
    <phoneticPr fontId="5"/>
  </si>
  <si>
    <t>県立横浜氷取沢</t>
    <rPh sb="0" eb="2">
      <t>ケンリツ</t>
    </rPh>
    <rPh sb="2" eb="4">
      <t>ヨコハマ</t>
    </rPh>
    <rPh sb="4" eb="7">
      <t>ヒトリザワ</t>
    </rPh>
    <phoneticPr fontId="5"/>
  </si>
  <si>
    <t>川崎</t>
    <rPh sb="0" eb="2">
      <t>カワサキ</t>
    </rPh>
    <phoneticPr fontId="5"/>
  </si>
  <si>
    <t>県立新城</t>
    <rPh sb="0" eb="2">
      <t>ケンリツ</t>
    </rPh>
    <rPh sb="2" eb="4">
      <t>シンジョウ</t>
    </rPh>
    <phoneticPr fontId="5"/>
  </si>
  <si>
    <t>県立住吉</t>
    <rPh sb="0" eb="2">
      <t>ケンリツ</t>
    </rPh>
    <rPh sb="2" eb="4">
      <t>スミヨシ</t>
    </rPh>
    <phoneticPr fontId="5"/>
  </si>
  <si>
    <t>県立川崎北</t>
    <rPh sb="0" eb="2">
      <t>ケンリツ</t>
    </rPh>
    <rPh sb="2" eb="4">
      <t>カワサキ</t>
    </rPh>
    <rPh sb="4" eb="5">
      <t>キタ</t>
    </rPh>
    <phoneticPr fontId="5"/>
  </si>
  <si>
    <t>県立多摩</t>
    <rPh sb="0" eb="2">
      <t>ケンリツ</t>
    </rPh>
    <rPh sb="2" eb="4">
      <t>タマ</t>
    </rPh>
    <phoneticPr fontId="5"/>
  </si>
  <si>
    <t>県立生田</t>
    <rPh sb="0" eb="2">
      <t>ケンリツ</t>
    </rPh>
    <rPh sb="2" eb="4">
      <t>イクタ</t>
    </rPh>
    <phoneticPr fontId="5"/>
  </si>
  <si>
    <t>県立百合丘</t>
    <rPh sb="0" eb="2">
      <t>ケンリツ</t>
    </rPh>
    <rPh sb="2" eb="4">
      <t>ユリ</t>
    </rPh>
    <rPh sb="4" eb="5">
      <t>オカ</t>
    </rPh>
    <phoneticPr fontId="5"/>
  </si>
  <si>
    <t>県立生田東</t>
    <rPh sb="0" eb="2">
      <t>ケンリツ</t>
    </rPh>
    <rPh sb="2" eb="4">
      <t>イクタ</t>
    </rPh>
    <rPh sb="4" eb="5">
      <t>ヒガシ</t>
    </rPh>
    <phoneticPr fontId="5"/>
  </si>
  <si>
    <t>県立菅</t>
    <rPh sb="0" eb="2">
      <t>ケンリツ</t>
    </rPh>
    <rPh sb="2" eb="3">
      <t>スゲ</t>
    </rPh>
    <phoneticPr fontId="5"/>
  </si>
  <si>
    <t>県立麻生</t>
    <rPh sb="0" eb="2">
      <t>ケンリツ</t>
    </rPh>
    <rPh sb="2" eb="4">
      <t>アサオ</t>
    </rPh>
    <phoneticPr fontId="5"/>
  </si>
  <si>
    <t>横須賀・三浦</t>
    <rPh sb="0" eb="3">
      <t>ヨコスカ</t>
    </rPh>
    <rPh sb="4" eb="6">
      <t>ミウラ</t>
    </rPh>
    <phoneticPr fontId="5"/>
  </si>
  <si>
    <t>県立横須賀</t>
    <rPh sb="0" eb="2">
      <t>ケンリツ</t>
    </rPh>
    <rPh sb="2" eb="5">
      <t>ヨコスカ</t>
    </rPh>
    <phoneticPr fontId="5"/>
  </si>
  <si>
    <t>県立横須賀大津</t>
    <rPh sb="0" eb="2">
      <t>ケンリツ</t>
    </rPh>
    <rPh sb="2" eb="5">
      <t>ヨコスカ</t>
    </rPh>
    <rPh sb="5" eb="7">
      <t>オオツ</t>
    </rPh>
    <phoneticPr fontId="5"/>
  </si>
  <si>
    <t>県立追浜</t>
    <rPh sb="0" eb="2">
      <t>ケンリツ</t>
    </rPh>
    <rPh sb="2" eb="4">
      <t>オッパマ</t>
    </rPh>
    <phoneticPr fontId="5"/>
  </si>
  <si>
    <t>県立津久井浜</t>
    <rPh sb="0" eb="2">
      <t>ケンリツ</t>
    </rPh>
    <rPh sb="2" eb="6">
      <t>ツクイハマ</t>
    </rPh>
    <phoneticPr fontId="5"/>
  </si>
  <si>
    <t>県立逗子葉山</t>
    <rPh sb="0" eb="2">
      <t>ケンリツ</t>
    </rPh>
    <rPh sb="2" eb="4">
      <t>ズシ</t>
    </rPh>
    <rPh sb="4" eb="6">
      <t>ハヤマ</t>
    </rPh>
    <phoneticPr fontId="5"/>
  </si>
  <si>
    <t>鎌倉・藤沢・茅ヶ崎</t>
    <rPh sb="0" eb="2">
      <t>カマクラ</t>
    </rPh>
    <rPh sb="3" eb="5">
      <t>フジサワ</t>
    </rPh>
    <rPh sb="6" eb="9">
      <t>チガサキ</t>
    </rPh>
    <phoneticPr fontId="5"/>
  </si>
  <si>
    <t>県立鎌倉</t>
    <rPh sb="0" eb="2">
      <t>ケンリツ</t>
    </rPh>
    <rPh sb="2" eb="4">
      <t>カマクラ</t>
    </rPh>
    <phoneticPr fontId="5"/>
  </si>
  <si>
    <t>県立七里ガ浜</t>
    <rPh sb="0" eb="2">
      <t>ケンリツ</t>
    </rPh>
    <rPh sb="2" eb="6">
      <t>シチリガハマ</t>
    </rPh>
    <phoneticPr fontId="5"/>
  </si>
  <si>
    <t>県立大船</t>
    <rPh sb="0" eb="2">
      <t>ケンリツ</t>
    </rPh>
    <rPh sb="2" eb="4">
      <t>オオフナ</t>
    </rPh>
    <phoneticPr fontId="5"/>
  </si>
  <si>
    <t>県立湘南</t>
    <rPh sb="0" eb="2">
      <t>ケンリツ</t>
    </rPh>
    <rPh sb="2" eb="4">
      <t>ショウナン</t>
    </rPh>
    <phoneticPr fontId="5"/>
  </si>
  <si>
    <t>県立藤沢西</t>
    <rPh sb="0" eb="2">
      <t>ケンリツ</t>
    </rPh>
    <rPh sb="2" eb="4">
      <t>フジサワ</t>
    </rPh>
    <rPh sb="4" eb="5">
      <t>ニシ</t>
    </rPh>
    <phoneticPr fontId="5"/>
  </si>
  <si>
    <t>県立湘南台</t>
    <rPh sb="0" eb="2">
      <t>ケンリツ</t>
    </rPh>
    <rPh sb="2" eb="5">
      <t>ショウナンダイ</t>
    </rPh>
    <phoneticPr fontId="5"/>
  </si>
  <si>
    <t>県立茅ケ崎</t>
    <rPh sb="0" eb="2">
      <t>ケンリツ</t>
    </rPh>
    <rPh sb="2" eb="5">
      <t>チガサキ</t>
    </rPh>
    <phoneticPr fontId="5"/>
  </si>
  <si>
    <t>県立茅ケ崎北陵</t>
    <rPh sb="0" eb="2">
      <t>ケンリツ</t>
    </rPh>
    <rPh sb="2" eb="5">
      <t>チガサキ</t>
    </rPh>
    <rPh sb="5" eb="6">
      <t>ホク</t>
    </rPh>
    <rPh sb="6" eb="7">
      <t>リョウ</t>
    </rPh>
    <phoneticPr fontId="5"/>
  </si>
  <si>
    <t>県立鶴嶺</t>
    <rPh sb="0" eb="2">
      <t>ケンリツ</t>
    </rPh>
    <rPh sb="2" eb="4">
      <t>ツルミネ</t>
    </rPh>
    <phoneticPr fontId="5"/>
  </si>
  <si>
    <t>県立茅ケ崎西浜</t>
    <rPh sb="0" eb="2">
      <t>ケンリツ</t>
    </rPh>
    <rPh sb="2" eb="5">
      <t>チガサキ</t>
    </rPh>
    <rPh sb="5" eb="7">
      <t>ニシハマ</t>
    </rPh>
    <phoneticPr fontId="5"/>
  </si>
  <si>
    <t>県立寒川</t>
    <rPh sb="0" eb="2">
      <t>ケンリツ</t>
    </rPh>
    <rPh sb="2" eb="4">
      <t>サムカワ</t>
    </rPh>
    <phoneticPr fontId="5"/>
  </si>
  <si>
    <t>平塚・秦野・伊勢原</t>
    <rPh sb="0" eb="2">
      <t>ヒラツカ</t>
    </rPh>
    <rPh sb="3" eb="5">
      <t>ハダノ</t>
    </rPh>
    <rPh sb="6" eb="9">
      <t>イセハラ</t>
    </rPh>
    <phoneticPr fontId="5"/>
  </si>
  <si>
    <t>県立平塚江南</t>
    <rPh sb="0" eb="2">
      <t>ケンリツ</t>
    </rPh>
    <rPh sb="2" eb="4">
      <t>ヒラツカ</t>
    </rPh>
    <rPh sb="4" eb="6">
      <t>コウナン</t>
    </rPh>
    <phoneticPr fontId="5"/>
  </si>
  <si>
    <t>県立高浜</t>
    <rPh sb="0" eb="2">
      <t>ケンリツ</t>
    </rPh>
    <rPh sb="2" eb="4">
      <t>タカハマ</t>
    </rPh>
    <phoneticPr fontId="5"/>
  </si>
  <si>
    <t>県立大磯</t>
    <rPh sb="0" eb="2">
      <t>ケンリツ</t>
    </rPh>
    <rPh sb="2" eb="4">
      <t>オオイソ</t>
    </rPh>
    <phoneticPr fontId="5"/>
  </si>
  <si>
    <t>県立二宮</t>
    <rPh sb="0" eb="2">
      <t>ケンリツ</t>
    </rPh>
    <rPh sb="2" eb="4">
      <t>ニノミヤ</t>
    </rPh>
    <phoneticPr fontId="5"/>
  </si>
  <si>
    <t>県立秦野</t>
    <rPh sb="0" eb="2">
      <t>ケンリツ</t>
    </rPh>
    <rPh sb="2" eb="4">
      <t>ハダノ</t>
    </rPh>
    <phoneticPr fontId="5"/>
  </si>
  <si>
    <t>県立秦野曽屋</t>
    <rPh sb="0" eb="2">
      <t>ケンリツ</t>
    </rPh>
    <rPh sb="2" eb="4">
      <t>ハダノ</t>
    </rPh>
    <rPh sb="4" eb="5">
      <t>ソ</t>
    </rPh>
    <rPh sb="5" eb="6">
      <t>ヤ</t>
    </rPh>
    <phoneticPr fontId="5"/>
  </si>
  <si>
    <t>県立伊勢原</t>
    <rPh sb="0" eb="2">
      <t>ケンリツ</t>
    </rPh>
    <rPh sb="2" eb="5">
      <t>イセハラ</t>
    </rPh>
    <phoneticPr fontId="5"/>
  </si>
  <si>
    <t>県立伊志田</t>
    <rPh sb="0" eb="2">
      <t>ケンリツ</t>
    </rPh>
    <rPh sb="2" eb="3">
      <t>イ</t>
    </rPh>
    <rPh sb="3" eb="4">
      <t>シ</t>
    </rPh>
    <rPh sb="4" eb="5">
      <t>ダ</t>
    </rPh>
    <phoneticPr fontId="5"/>
  </si>
  <si>
    <t>県西</t>
    <rPh sb="0" eb="2">
      <t>ケンセイ</t>
    </rPh>
    <phoneticPr fontId="5"/>
  </si>
  <si>
    <t>県立小田原東</t>
    <rPh sb="0" eb="2">
      <t>ケンリツ</t>
    </rPh>
    <rPh sb="2" eb="5">
      <t>オダワラ</t>
    </rPh>
    <rPh sb="5" eb="6">
      <t>ヒガシ</t>
    </rPh>
    <phoneticPr fontId="5"/>
  </si>
  <si>
    <t>県立西湘</t>
    <rPh sb="0" eb="2">
      <t>ケンリツ</t>
    </rPh>
    <rPh sb="2" eb="4">
      <t>セイショウ</t>
    </rPh>
    <phoneticPr fontId="5"/>
  </si>
  <si>
    <t>県立足柄</t>
    <rPh sb="0" eb="2">
      <t>ケンリツ</t>
    </rPh>
    <rPh sb="2" eb="4">
      <t>アシガラ</t>
    </rPh>
    <phoneticPr fontId="5"/>
  </si>
  <si>
    <t>県立山北</t>
    <rPh sb="0" eb="2">
      <t>ケンリツ</t>
    </rPh>
    <rPh sb="2" eb="4">
      <t>ヤマキタ</t>
    </rPh>
    <phoneticPr fontId="5"/>
  </si>
  <si>
    <t>県央</t>
    <rPh sb="0" eb="2">
      <t>ケンオウ</t>
    </rPh>
    <phoneticPr fontId="5"/>
  </si>
  <si>
    <t>県立厚木</t>
    <rPh sb="0" eb="2">
      <t>ケンリツ</t>
    </rPh>
    <rPh sb="2" eb="4">
      <t>アツギ</t>
    </rPh>
    <phoneticPr fontId="5"/>
  </si>
  <si>
    <t>県立厚木王子</t>
    <rPh sb="0" eb="2">
      <t>ケンリツ</t>
    </rPh>
    <rPh sb="2" eb="4">
      <t>アツギ</t>
    </rPh>
    <rPh sb="4" eb="6">
      <t>オウジ</t>
    </rPh>
    <phoneticPr fontId="5"/>
  </si>
  <si>
    <t>県立厚木北</t>
    <rPh sb="0" eb="2">
      <t>ケンリツ</t>
    </rPh>
    <rPh sb="2" eb="4">
      <t>アツギ</t>
    </rPh>
    <rPh sb="4" eb="5">
      <t>キタ</t>
    </rPh>
    <phoneticPr fontId="5"/>
  </si>
  <si>
    <t>県立厚木西</t>
    <rPh sb="0" eb="2">
      <t>ケンリツ</t>
    </rPh>
    <rPh sb="2" eb="4">
      <t>アツギ</t>
    </rPh>
    <rPh sb="4" eb="5">
      <t>ニシ</t>
    </rPh>
    <phoneticPr fontId="5"/>
  </si>
  <si>
    <t>県立海老名</t>
    <rPh sb="0" eb="2">
      <t>ケンリツ</t>
    </rPh>
    <rPh sb="2" eb="5">
      <t>エビナ</t>
    </rPh>
    <phoneticPr fontId="5"/>
  </si>
  <si>
    <t>県立有馬</t>
    <rPh sb="0" eb="2">
      <t>ケンリツ</t>
    </rPh>
    <rPh sb="2" eb="4">
      <t>アリマ</t>
    </rPh>
    <phoneticPr fontId="5"/>
  </si>
  <si>
    <t>県立愛川</t>
    <rPh sb="0" eb="2">
      <t>ケンリツ</t>
    </rPh>
    <rPh sb="2" eb="3">
      <t>アイコウ</t>
    </rPh>
    <rPh sb="3" eb="4">
      <t>カワ</t>
    </rPh>
    <phoneticPr fontId="5"/>
  </si>
  <si>
    <t>県立大和</t>
    <rPh sb="0" eb="2">
      <t>ケンリツ</t>
    </rPh>
    <rPh sb="2" eb="4">
      <t>ヤマト</t>
    </rPh>
    <phoneticPr fontId="5"/>
  </si>
  <si>
    <t>県立大和南</t>
    <rPh sb="0" eb="2">
      <t>ケンリツ</t>
    </rPh>
    <rPh sb="2" eb="4">
      <t>ヤマト</t>
    </rPh>
    <rPh sb="4" eb="5">
      <t>ミナミ</t>
    </rPh>
    <phoneticPr fontId="5"/>
  </si>
  <si>
    <t>県立大和西</t>
    <rPh sb="0" eb="2">
      <t>ケンリツ</t>
    </rPh>
    <rPh sb="2" eb="4">
      <t>ヤマト</t>
    </rPh>
    <rPh sb="4" eb="5">
      <t>ニシ</t>
    </rPh>
    <phoneticPr fontId="5"/>
  </si>
  <si>
    <t>県立座間</t>
    <rPh sb="0" eb="2">
      <t>ケンリツ</t>
    </rPh>
    <rPh sb="2" eb="4">
      <t>ザマ</t>
    </rPh>
    <phoneticPr fontId="5"/>
  </si>
  <si>
    <t>県立綾瀬</t>
    <rPh sb="0" eb="2">
      <t>ケンリツ</t>
    </rPh>
    <rPh sb="2" eb="4">
      <t>アヤセ</t>
    </rPh>
    <phoneticPr fontId="5"/>
  </si>
  <si>
    <t>県立綾瀬西</t>
    <rPh sb="0" eb="2">
      <t>ケンリツ</t>
    </rPh>
    <rPh sb="2" eb="4">
      <t>アヤセ</t>
    </rPh>
    <rPh sb="4" eb="5">
      <t>ニシ</t>
    </rPh>
    <phoneticPr fontId="5"/>
  </si>
  <si>
    <t>相模原</t>
    <rPh sb="0" eb="3">
      <t>サガミハラ</t>
    </rPh>
    <phoneticPr fontId="5"/>
  </si>
  <si>
    <t>県立麻溝台</t>
    <rPh sb="0" eb="2">
      <t>ケンリツ</t>
    </rPh>
    <rPh sb="2" eb="5">
      <t>アサミゾダイ</t>
    </rPh>
    <phoneticPr fontId="5"/>
  </si>
  <si>
    <t>県立上鶴間</t>
    <rPh sb="0" eb="2">
      <t>ケンリツ</t>
    </rPh>
    <rPh sb="2" eb="5">
      <t>カミツルマ</t>
    </rPh>
    <phoneticPr fontId="5"/>
  </si>
  <si>
    <t>県立上溝</t>
    <rPh sb="0" eb="2">
      <t>ケンリツ</t>
    </rPh>
    <rPh sb="2" eb="4">
      <t>カミミゾ</t>
    </rPh>
    <phoneticPr fontId="5"/>
  </si>
  <si>
    <t>県立相模原</t>
    <rPh sb="0" eb="2">
      <t>ケンリツ</t>
    </rPh>
    <rPh sb="2" eb="5">
      <t>サガミハラ</t>
    </rPh>
    <phoneticPr fontId="5"/>
  </si>
  <si>
    <t>県立上溝南</t>
    <rPh sb="0" eb="2">
      <t>ケンリツ</t>
    </rPh>
    <rPh sb="2" eb="4">
      <t>カミミゾ</t>
    </rPh>
    <rPh sb="4" eb="5">
      <t>ミナミ</t>
    </rPh>
    <phoneticPr fontId="5"/>
  </si>
  <si>
    <t>県立橋本</t>
    <rPh sb="0" eb="2">
      <t>ケンリツ</t>
    </rPh>
    <rPh sb="2" eb="4">
      <t>ハシモト</t>
    </rPh>
    <phoneticPr fontId="5"/>
  </si>
  <si>
    <t>県立相模田名</t>
    <rPh sb="0" eb="2">
      <t>ケンリツ</t>
    </rPh>
    <rPh sb="2" eb="4">
      <t>サガミ</t>
    </rPh>
    <rPh sb="4" eb="6">
      <t>タナ</t>
    </rPh>
    <phoneticPr fontId="5"/>
  </si>
  <si>
    <t>県立津久井</t>
    <rPh sb="0" eb="2">
      <t>ケンリツ</t>
    </rPh>
    <rPh sb="2" eb="5">
      <t>ツクイ</t>
    </rPh>
    <phoneticPr fontId="5"/>
  </si>
  <si>
    <t>県　立　計</t>
    <phoneticPr fontId="5"/>
  </si>
  <si>
    <t>学力検査受検者数</t>
    <rPh sb="0" eb="2">
      <t>ガクリョク</t>
    </rPh>
    <rPh sb="2" eb="4">
      <t>ケンサ</t>
    </rPh>
    <rPh sb="4" eb="6">
      <t>ジュケン</t>
    </rPh>
    <rPh sb="6" eb="7">
      <t>シャ</t>
    </rPh>
    <rPh sb="7" eb="8">
      <t>スウ</t>
    </rPh>
    <phoneticPr fontId="5"/>
  </si>
  <si>
    <t>学区</t>
    <rPh sb="0" eb="2">
      <t>ガック</t>
    </rPh>
    <phoneticPr fontId="5"/>
  </si>
  <si>
    <t>計</t>
    <rPh sb="0" eb="1">
      <t>ケイ</t>
    </rPh>
    <phoneticPr fontId="5"/>
  </si>
  <si>
    <t>区</t>
    <phoneticPr fontId="5"/>
  </si>
  <si>
    <t>内</t>
    <rPh sb="0" eb="1">
      <t>ナイ</t>
    </rPh>
    <phoneticPr fontId="5"/>
  </si>
  <si>
    <t>外</t>
    <rPh sb="0" eb="1">
      <t>ガイ</t>
    </rPh>
    <phoneticPr fontId="5"/>
  </si>
  <si>
    <t>横浜市立</t>
    <phoneticPr fontId="5"/>
  </si>
  <si>
    <t>横浜市立桜丘</t>
    <rPh sb="0" eb="2">
      <t>ヨコハマ</t>
    </rPh>
    <rPh sb="2" eb="4">
      <t>イチリツ</t>
    </rPh>
    <rPh sb="4" eb="6">
      <t>サクラガオカ</t>
    </rPh>
    <phoneticPr fontId="5"/>
  </si>
  <si>
    <t>横浜市立金沢</t>
    <rPh sb="0" eb="4">
      <t>ヨコハマイチリツ</t>
    </rPh>
    <rPh sb="4" eb="6">
      <t>カナザワ</t>
    </rPh>
    <phoneticPr fontId="5"/>
  </si>
  <si>
    <t>小　　計</t>
    <rPh sb="0" eb="1">
      <t>ショウ</t>
    </rPh>
    <rPh sb="3" eb="4">
      <t>ケイ</t>
    </rPh>
    <phoneticPr fontId="5"/>
  </si>
  <si>
    <t>川崎市立</t>
    <rPh sb="0" eb="2">
      <t>カワサキ</t>
    </rPh>
    <rPh sb="2" eb="4">
      <t>イチリツ</t>
    </rPh>
    <phoneticPr fontId="5"/>
  </si>
  <si>
    <t>川崎市立橘</t>
    <rPh sb="0" eb="2">
      <t>カワサキ</t>
    </rPh>
    <rPh sb="2" eb="4">
      <t>シリツ</t>
    </rPh>
    <rPh sb="4" eb="5">
      <t>タチバナ</t>
    </rPh>
    <phoneticPr fontId="5"/>
  </si>
  <si>
    <t>川崎市立高津</t>
    <rPh sb="0" eb="2">
      <t>カワサキ</t>
    </rPh>
    <rPh sb="2" eb="4">
      <t>シリツ</t>
    </rPh>
    <rPh sb="4" eb="6">
      <t>タカツ</t>
    </rPh>
    <phoneticPr fontId="5"/>
  </si>
  <si>
    <t>川崎市立幸</t>
    <rPh sb="0" eb="2">
      <t>カワサキ</t>
    </rPh>
    <rPh sb="2" eb="4">
      <t>シリツ</t>
    </rPh>
    <rPh sb="4" eb="5">
      <t>ユキ</t>
    </rPh>
    <phoneticPr fontId="5"/>
  </si>
  <si>
    <t>市　立　計</t>
    <rPh sb="0" eb="1">
      <t>シ</t>
    </rPh>
    <phoneticPr fontId="5"/>
  </si>
  <si>
    <t>－</t>
    <phoneticPr fontId="5"/>
  </si>
  <si>
    <t>合　　計</t>
    <phoneticPr fontId="5"/>
  </si>
  <si>
    <t>普通科　クリエイティブスクール</t>
    <rPh sb="0" eb="3">
      <t>フツウカ</t>
    </rPh>
    <phoneticPr fontId="5"/>
  </si>
  <si>
    <t xml:space="preserve"> 県立釜利谷</t>
    <rPh sb="1" eb="3">
      <t>ケンリツ</t>
    </rPh>
    <rPh sb="3" eb="6">
      <t>カマリヤ</t>
    </rPh>
    <phoneticPr fontId="5"/>
  </si>
  <si>
    <t xml:space="preserve"> 県立横須賀南</t>
    <rPh sb="1" eb="3">
      <t>ケンリツ</t>
    </rPh>
    <rPh sb="3" eb="6">
      <t>ヨコスカ</t>
    </rPh>
    <rPh sb="6" eb="7">
      <t>ミナミ</t>
    </rPh>
    <phoneticPr fontId="5"/>
  </si>
  <si>
    <t xml:space="preserve"> 県立小田原北</t>
    <rPh sb="1" eb="3">
      <t>ケンリツ</t>
    </rPh>
    <rPh sb="3" eb="6">
      <t>オダワラ</t>
    </rPh>
    <rPh sb="6" eb="7">
      <t>キタ</t>
    </rPh>
    <phoneticPr fontId="5"/>
  </si>
  <si>
    <t xml:space="preserve"> 県立大和東</t>
    <rPh sb="1" eb="3">
      <t>ケンリツ</t>
    </rPh>
    <rPh sb="3" eb="5">
      <t>ヤマト</t>
    </rPh>
    <rPh sb="5" eb="6">
      <t>ヒガシ</t>
    </rPh>
    <phoneticPr fontId="5"/>
  </si>
  <si>
    <t>合　　計</t>
    <rPh sb="0" eb="4">
      <t>ゴウケイ</t>
    </rPh>
    <phoneticPr fontId="5"/>
  </si>
  <si>
    <t>４　特別募集及び中途退学者募集学力検査受検状況</t>
    <rPh sb="2" eb="4">
      <t>トクベツ</t>
    </rPh>
    <phoneticPr fontId="5"/>
  </si>
  <si>
    <t>海外帰国生徒特別募集</t>
    <rPh sb="0" eb="4">
      <t>カイガイキコク</t>
    </rPh>
    <rPh sb="4" eb="6">
      <t>セイト</t>
    </rPh>
    <rPh sb="6" eb="8">
      <t>トクベツ</t>
    </rPh>
    <rPh sb="8" eb="10">
      <t>ボシュウ</t>
    </rPh>
    <phoneticPr fontId="5"/>
  </si>
  <si>
    <t>学力検査</t>
    <rPh sb="0" eb="2">
      <t>ガクリョク</t>
    </rPh>
    <rPh sb="2" eb="4">
      <t>ケンサ</t>
    </rPh>
    <phoneticPr fontId="7"/>
  </si>
  <si>
    <t xml:space="preserve"> 学 科 ・コース名</t>
    <rPh sb="1" eb="2">
      <t>ガク</t>
    </rPh>
    <rPh sb="3" eb="4">
      <t>カ</t>
    </rPh>
    <rPh sb="9" eb="10">
      <t>ナ</t>
    </rPh>
    <phoneticPr fontId="5"/>
  </si>
  <si>
    <t>受検者数</t>
    <rPh sb="0" eb="3">
      <t>ジュケンシャ</t>
    </rPh>
    <rPh sb="3" eb="4">
      <t>スウ</t>
    </rPh>
    <phoneticPr fontId="5"/>
  </si>
  <si>
    <t>(A)</t>
    <phoneticPr fontId="7"/>
  </si>
  <si>
    <t>県立神奈川総合</t>
    <rPh sb="0" eb="2">
      <t>ケンリツ</t>
    </rPh>
    <rPh sb="2" eb="5">
      <t>カナガワ</t>
    </rPh>
    <rPh sb="5" eb="7">
      <t>ソウゴウ</t>
    </rPh>
    <phoneticPr fontId="5"/>
  </si>
  <si>
    <t>単位制普通科 国際文化コース</t>
    <rPh sb="0" eb="3">
      <t>タンイセイ</t>
    </rPh>
    <rPh sb="3" eb="5">
      <t>フツウ</t>
    </rPh>
    <rPh sb="5" eb="6">
      <t>カ</t>
    </rPh>
    <rPh sb="7" eb="9">
      <t>コクサイ</t>
    </rPh>
    <rPh sb="9" eb="11">
      <t>ブンカ</t>
    </rPh>
    <phoneticPr fontId="7"/>
  </si>
  <si>
    <t>県立横浜国際</t>
    <rPh sb="0" eb="2">
      <t>ケンリツ</t>
    </rPh>
    <rPh sb="2" eb="4">
      <t>ヨコハマ</t>
    </rPh>
    <rPh sb="4" eb="6">
      <t>コクサイ</t>
    </rPh>
    <phoneticPr fontId="5"/>
  </si>
  <si>
    <t>単位制国際科</t>
    <rPh sb="0" eb="3">
      <t>タンイセイ</t>
    </rPh>
    <rPh sb="3" eb="5">
      <t>コクサイ</t>
    </rPh>
    <rPh sb="5" eb="6">
      <t>カ</t>
    </rPh>
    <phoneticPr fontId="7"/>
  </si>
  <si>
    <t>　　〃</t>
  </si>
  <si>
    <t>単位制国際科国際バカロレアコース</t>
    <rPh sb="0" eb="3">
      <t>タンイセイ</t>
    </rPh>
    <rPh sb="3" eb="5">
      <t>コクサイ</t>
    </rPh>
    <rPh sb="5" eb="6">
      <t>カ</t>
    </rPh>
    <rPh sb="6" eb="8">
      <t>コクサイ</t>
    </rPh>
    <phoneticPr fontId="7"/>
  </si>
  <si>
    <t>　　計</t>
    <rPh sb="2" eb="3">
      <t>ケイ</t>
    </rPh>
    <phoneticPr fontId="7"/>
  </si>
  <si>
    <t>普通科</t>
    <rPh sb="0" eb="2">
      <t>フツウ</t>
    </rPh>
    <rPh sb="2" eb="3">
      <t>カ</t>
    </rPh>
    <phoneticPr fontId="7"/>
  </si>
  <si>
    <t>県立西湘</t>
    <rPh sb="0" eb="2">
      <t>ケンリツ</t>
    </rPh>
    <rPh sb="2" eb="3">
      <t>ニシ</t>
    </rPh>
    <rPh sb="3" eb="4">
      <t>ショウ</t>
    </rPh>
    <phoneticPr fontId="5"/>
  </si>
  <si>
    <t>県立鶴嶺</t>
    <rPh sb="0" eb="2">
      <t>ケンリツ</t>
    </rPh>
    <rPh sb="2" eb="3">
      <t>ツル</t>
    </rPh>
    <rPh sb="3" eb="4">
      <t>ミネ</t>
    </rPh>
    <phoneticPr fontId="5"/>
  </si>
  <si>
    <t>県立相模原弥栄</t>
    <rPh sb="0" eb="2">
      <t>ケンリツ</t>
    </rPh>
    <rPh sb="2" eb="5">
      <t>サガミハラ</t>
    </rPh>
    <rPh sb="5" eb="7">
      <t>ヤエイ</t>
    </rPh>
    <phoneticPr fontId="5"/>
  </si>
  <si>
    <t>単位制普通科</t>
    <rPh sb="0" eb="3">
      <t>タンイセイ</t>
    </rPh>
    <rPh sb="3" eb="6">
      <t>フツウカ</t>
    </rPh>
    <phoneticPr fontId="7"/>
  </si>
  <si>
    <t>県立伊志田</t>
    <rPh sb="0" eb="2">
      <t>ケンリツ</t>
    </rPh>
    <rPh sb="2" eb="3">
      <t>イ</t>
    </rPh>
    <rPh sb="3" eb="5">
      <t>シダ</t>
    </rPh>
    <phoneticPr fontId="5"/>
  </si>
  <si>
    <t>　県　立　　計</t>
    <rPh sb="1" eb="2">
      <t>ケン</t>
    </rPh>
    <rPh sb="3" eb="4">
      <t>タテ</t>
    </rPh>
    <rPh sb="6" eb="7">
      <t>ケイ</t>
    </rPh>
    <phoneticPr fontId="7"/>
  </si>
  <si>
    <t>横浜市立東</t>
    <rPh sb="0" eb="4">
      <t>ヨコハマシリツ</t>
    </rPh>
    <rPh sb="4" eb="5">
      <t>ヒガシ</t>
    </rPh>
    <phoneticPr fontId="5"/>
  </si>
  <si>
    <t>単位制普通科</t>
    <rPh sb="0" eb="3">
      <t>タン</t>
    </rPh>
    <rPh sb="3" eb="5">
      <t>フツウ</t>
    </rPh>
    <rPh sb="5" eb="6">
      <t>カ</t>
    </rPh>
    <phoneticPr fontId="7"/>
  </si>
  <si>
    <t>※　県立横浜国際高等学校の単位制国際科は、単位制国際科国際バカロレアコースを除く単位制国際科です。</t>
    <rPh sb="2" eb="4">
      <t>ケンリツ</t>
    </rPh>
    <rPh sb="4" eb="6">
      <t>ヨコハマ</t>
    </rPh>
    <rPh sb="6" eb="8">
      <t>コクサイ</t>
    </rPh>
    <rPh sb="8" eb="10">
      <t>コウトウ</t>
    </rPh>
    <rPh sb="10" eb="12">
      <t>ガッコウ</t>
    </rPh>
    <rPh sb="13" eb="16">
      <t>タンイセイ</t>
    </rPh>
    <rPh sb="16" eb="18">
      <t>コクサイ</t>
    </rPh>
    <rPh sb="18" eb="19">
      <t>カ</t>
    </rPh>
    <rPh sb="21" eb="24">
      <t>タンイセイ</t>
    </rPh>
    <rPh sb="24" eb="26">
      <t>コクサイ</t>
    </rPh>
    <rPh sb="26" eb="27">
      <t>カ</t>
    </rPh>
    <rPh sb="27" eb="29">
      <t>コクサイ</t>
    </rPh>
    <rPh sb="38" eb="39">
      <t>ノゾ</t>
    </rPh>
    <rPh sb="40" eb="43">
      <t>タンイセイ</t>
    </rPh>
    <rPh sb="43" eb="45">
      <t>コクサイ</t>
    </rPh>
    <rPh sb="45" eb="46">
      <t>カ</t>
    </rPh>
    <phoneticPr fontId="7"/>
  </si>
  <si>
    <t>在県外国人等特別募集（全日制）</t>
    <rPh sb="0" eb="1">
      <t>ザイ</t>
    </rPh>
    <rPh sb="1" eb="2">
      <t>ケン</t>
    </rPh>
    <rPh sb="2" eb="4">
      <t>ガイコク</t>
    </rPh>
    <rPh sb="4" eb="5">
      <t>ジン</t>
    </rPh>
    <rPh sb="5" eb="6">
      <t>ナド</t>
    </rPh>
    <rPh sb="6" eb="8">
      <t>トクベツ</t>
    </rPh>
    <rPh sb="8" eb="10">
      <t>ボシュウ</t>
    </rPh>
    <rPh sb="11" eb="12">
      <t>ゼン</t>
    </rPh>
    <rPh sb="12" eb="13">
      <t>ニチ</t>
    </rPh>
    <rPh sb="13" eb="14">
      <t>セイ</t>
    </rPh>
    <phoneticPr fontId="7"/>
  </si>
  <si>
    <t xml:space="preserve"> 学 科 名</t>
    <rPh sb="1" eb="2">
      <t>ガク</t>
    </rPh>
    <rPh sb="3" eb="4">
      <t>カ</t>
    </rPh>
    <rPh sb="5" eb="6">
      <t>ナ</t>
    </rPh>
    <phoneticPr fontId="5"/>
  </si>
  <si>
    <t>県立鶴見総合</t>
    <rPh sb="0" eb="2">
      <t>ケンリツ</t>
    </rPh>
    <rPh sb="2" eb="4">
      <t>ツルミ</t>
    </rPh>
    <rPh sb="4" eb="6">
      <t>ソウゴウ</t>
    </rPh>
    <phoneticPr fontId="15"/>
  </si>
  <si>
    <t>総合学科</t>
  </si>
  <si>
    <t>県立横浜清陵</t>
    <rPh sb="0" eb="2">
      <t>ケンリツ</t>
    </rPh>
    <rPh sb="2" eb="4">
      <t>ヨコハマ</t>
    </rPh>
    <rPh sb="4" eb="6">
      <t>セイリョウ</t>
    </rPh>
    <phoneticPr fontId="15"/>
  </si>
  <si>
    <t>県立磯子工業</t>
    <rPh sb="0" eb="2">
      <t>ケンリツ</t>
    </rPh>
    <rPh sb="2" eb="4">
      <t>イソゴ</t>
    </rPh>
    <rPh sb="4" eb="6">
      <t>コウギョウ</t>
    </rPh>
    <phoneticPr fontId="7"/>
  </si>
  <si>
    <t>機械科</t>
    <rPh sb="0" eb="2">
      <t>キカイ</t>
    </rPh>
    <rPh sb="2" eb="3">
      <t>カ</t>
    </rPh>
    <phoneticPr fontId="7"/>
  </si>
  <si>
    <t>　　〃</t>
    <phoneticPr fontId="7"/>
  </si>
  <si>
    <t>電気科</t>
    <rPh sb="0" eb="2">
      <t>デンキ</t>
    </rPh>
    <rPh sb="2" eb="3">
      <t>カ</t>
    </rPh>
    <phoneticPr fontId="7"/>
  </si>
  <si>
    <t>建設科</t>
    <rPh sb="0" eb="2">
      <t>ケンセツ</t>
    </rPh>
    <rPh sb="2" eb="3">
      <t>カ</t>
    </rPh>
    <phoneticPr fontId="7"/>
  </si>
  <si>
    <t>化学科</t>
    <rPh sb="0" eb="3">
      <t>カガクカ</t>
    </rPh>
    <phoneticPr fontId="7"/>
  </si>
  <si>
    <t>－</t>
  </si>
  <si>
    <t>県立新栄</t>
    <rPh sb="0" eb="2">
      <t>ケンリツ</t>
    </rPh>
    <rPh sb="2" eb="4">
      <t>シンエイ</t>
    </rPh>
    <phoneticPr fontId="15"/>
  </si>
  <si>
    <t>県立川崎</t>
    <rPh sb="0" eb="2">
      <t>ケンリツ</t>
    </rPh>
    <rPh sb="2" eb="4">
      <t>カワサキ</t>
    </rPh>
    <phoneticPr fontId="15"/>
  </si>
  <si>
    <t>県立大師</t>
    <rPh sb="0" eb="2">
      <t>ケンリツ</t>
    </rPh>
    <rPh sb="2" eb="4">
      <t>ダイシ</t>
    </rPh>
    <phoneticPr fontId="15"/>
  </si>
  <si>
    <t>県立橋本</t>
    <rPh sb="0" eb="2">
      <t>ケンリツ</t>
    </rPh>
    <rPh sb="2" eb="4">
      <t>ハシモト</t>
    </rPh>
    <phoneticPr fontId="15"/>
  </si>
  <si>
    <t>県立相模原弥栄</t>
    <rPh sb="0" eb="2">
      <t>ケンリツ</t>
    </rPh>
    <rPh sb="2" eb="5">
      <t>サガミハラ</t>
    </rPh>
    <rPh sb="5" eb="7">
      <t>ヤエイ</t>
    </rPh>
    <phoneticPr fontId="15"/>
  </si>
  <si>
    <t>県立高浜</t>
    <rPh sb="0" eb="2">
      <t>ケンリツ</t>
    </rPh>
    <rPh sb="2" eb="4">
      <t>タカハマ</t>
    </rPh>
    <phoneticPr fontId="15"/>
  </si>
  <si>
    <t>県立藤沢総合</t>
    <rPh sb="0" eb="2">
      <t>ケンリツ</t>
    </rPh>
    <rPh sb="2" eb="4">
      <t>フジサワ</t>
    </rPh>
    <rPh sb="4" eb="6">
      <t>ソウゴウ</t>
    </rPh>
    <phoneticPr fontId="15"/>
  </si>
  <si>
    <t>県立大和南</t>
    <rPh sb="0" eb="2">
      <t>ケンリツ</t>
    </rPh>
    <rPh sb="2" eb="4">
      <t>ヤマト</t>
    </rPh>
    <rPh sb="4" eb="5">
      <t>ミナミ</t>
    </rPh>
    <phoneticPr fontId="15"/>
  </si>
  <si>
    <t>県立伊勢原</t>
    <rPh sb="0" eb="2">
      <t>ケンリツ</t>
    </rPh>
    <rPh sb="2" eb="5">
      <t>イセハラ</t>
    </rPh>
    <phoneticPr fontId="3"/>
  </si>
  <si>
    <t>県立座間総合</t>
    <rPh sb="0" eb="2">
      <t>ケンリツ</t>
    </rPh>
    <rPh sb="2" eb="4">
      <t>ザマ</t>
    </rPh>
    <rPh sb="4" eb="6">
      <t>ソウゴウ</t>
    </rPh>
    <phoneticPr fontId="15"/>
  </si>
  <si>
    <t>県立愛川</t>
    <rPh sb="0" eb="1">
      <t>ケン</t>
    </rPh>
    <rPh sb="1" eb="2">
      <t>リツ</t>
    </rPh>
    <rPh sb="2" eb="4">
      <t>アイカワ</t>
    </rPh>
    <phoneticPr fontId="15"/>
  </si>
  <si>
    <t>横浜市立みなと総合</t>
    <rPh sb="0" eb="4">
      <t>ヨコハマシリツ</t>
    </rPh>
    <rPh sb="7" eb="9">
      <t>ソウゴウ</t>
    </rPh>
    <phoneticPr fontId="7"/>
  </si>
  <si>
    <t>総合学科</t>
    <rPh sb="0" eb="4">
      <t>ソウゴウガッカ</t>
    </rPh>
    <phoneticPr fontId="5"/>
  </si>
  <si>
    <t>横浜市立横浜商業</t>
    <rPh sb="0" eb="4">
      <t>ヨコハマシリツ</t>
    </rPh>
    <rPh sb="4" eb="6">
      <t>ヨコハマ</t>
    </rPh>
    <rPh sb="6" eb="8">
      <t>ショウギョウ</t>
    </rPh>
    <phoneticPr fontId="7"/>
  </si>
  <si>
    <t>国際学科</t>
    <rPh sb="0" eb="2">
      <t>コクサイ</t>
    </rPh>
    <rPh sb="2" eb="4">
      <t>ガッカ</t>
    </rPh>
    <phoneticPr fontId="5"/>
  </si>
  <si>
    <t>　市　立　　計</t>
    <rPh sb="1" eb="2">
      <t>シ</t>
    </rPh>
    <rPh sb="3" eb="4">
      <t>タテ</t>
    </rPh>
    <rPh sb="6" eb="7">
      <t>ケイ</t>
    </rPh>
    <phoneticPr fontId="7"/>
  </si>
  <si>
    <t>在県外国人等特別募集（定時制）</t>
    <rPh sb="0" eb="1">
      <t>ザイ</t>
    </rPh>
    <rPh sb="1" eb="2">
      <t>ケン</t>
    </rPh>
    <rPh sb="2" eb="4">
      <t>ガイコク</t>
    </rPh>
    <rPh sb="4" eb="5">
      <t>ジン</t>
    </rPh>
    <rPh sb="5" eb="6">
      <t>ナド</t>
    </rPh>
    <rPh sb="6" eb="8">
      <t>トクベツ</t>
    </rPh>
    <rPh sb="8" eb="10">
      <t>ボシュウ</t>
    </rPh>
    <rPh sb="11" eb="14">
      <t>テイジセイ</t>
    </rPh>
    <phoneticPr fontId="7"/>
  </si>
  <si>
    <t xml:space="preserve"> 学 科 ・部名</t>
    <rPh sb="1" eb="2">
      <t>ガク</t>
    </rPh>
    <rPh sb="3" eb="4">
      <t>カ</t>
    </rPh>
    <rPh sb="6" eb="7">
      <t>ブ</t>
    </rPh>
    <rPh sb="7" eb="8">
      <t>ナ</t>
    </rPh>
    <phoneticPr fontId="5"/>
  </si>
  <si>
    <t>県立横浜明朋</t>
    <rPh sb="0" eb="2">
      <t>ケンリツ</t>
    </rPh>
    <rPh sb="2" eb="4">
      <t>ヨコハマ</t>
    </rPh>
    <rPh sb="4" eb="5">
      <t>メイ</t>
    </rPh>
    <rPh sb="5" eb="6">
      <t>ホウ</t>
    </rPh>
    <phoneticPr fontId="16"/>
  </si>
  <si>
    <t>単位制普通科 午前部</t>
    <rPh sb="0" eb="3">
      <t>タンイセイ</t>
    </rPh>
    <rPh sb="3" eb="5">
      <t>フツウ</t>
    </rPh>
    <rPh sb="5" eb="6">
      <t>カ</t>
    </rPh>
    <rPh sb="7" eb="9">
      <t>ゴゼン</t>
    </rPh>
    <rPh sb="9" eb="10">
      <t>ブ</t>
    </rPh>
    <phoneticPr fontId="16"/>
  </si>
  <si>
    <t>単位制普通科 午後部</t>
    <rPh sb="0" eb="3">
      <t>タンイセイ</t>
    </rPh>
    <rPh sb="3" eb="5">
      <t>フツウ</t>
    </rPh>
    <rPh sb="5" eb="6">
      <t>カ</t>
    </rPh>
    <rPh sb="7" eb="9">
      <t>ゴゴ</t>
    </rPh>
    <rPh sb="9" eb="10">
      <t>ブ</t>
    </rPh>
    <phoneticPr fontId="16"/>
  </si>
  <si>
    <t>県立相模向陽館</t>
    <rPh sb="0" eb="2">
      <t>ケンリツ</t>
    </rPh>
    <rPh sb="2" eb="4">
      <t>サガミ</t>
    </rPh>
    <rPh sb="4" eb="5">
      <t>コウ</t>
    </rPh>
    <rPh sb="5" eb="6">
      <t>ヨウ</t>
    </rPh>
    <rPh sb="6" eb="7">
      <t>カン</t>
    </rPh>
    <phoneticPr fontId="7"/>
  </si>
  <si>
    <t>単位制普通科 午前部</t>
    <rPh sb="0" eb="3">
      <t>タンイセイ</t>
    </rPh>
    <rPh sb="3" eb="6">
      <t>フツウカ</t>
    </rPh>
    <rPh sb="7" eb="9">
      <t>ゴゼン</t>
    </rPh>
    <rPh sb="9" eb="10">
      <t>ブ</t>
    </rPh>
    <phoneticPr fontId="5"/>
  </si>
  <si>
    <t>単位制普通科 午後部</t>
    <rPh sb="0" eb="3">
      <t>タンイセイ</t>
    </rPh>
    <rPh sb="3" eb="6">
      <t>フツウカ</t>
    </rPh>
    <rPh sb="7" eb="9">
      <t>ゴゴ</t>
    </rPh>
    <rPh sb="9" eb="10">
      <t>ブ</t>
    </rPh>
    <phoneticPr fontId="5"/>
  </si>
  <si>
    <t>横浜市立横浜総合</t>
    <rPh sb="0" eb="3">
      <t>ヨコハマシ</t>
    </rPh>
    <rPh sb="3" eb="4">
      <t>リツ</t>
    </rPh>
    <rPh sb="4" eb="6">
      <t>ヨコハマ</t>
    </rPh>
    <rPh sb="6" eb="8">
      <t>ソウゴウ</t>
    </rPh>
    <phoneticPr fontId="5"/>
  </si>
  <si>
    <t>総合学科 Ⅱ部</t>
    <rPh sb="0" eb="2">
      <t>ソウゴウ</t>
    </rPh>
    <rPh sb="2" eb="4">
      <t>ガッカ</t>
    </rPh>
    <rPh sb="6" eb="7">
      <t>ブ</t>
    </rPh>
    <phoneticPr fontId="5"/>
  </si>
  <si>
    <t>川崎市立川崎</t>
    <rPh sb="0" eb="3">
      <t>カワサキシ</t>
    </rPh>
    <rPh sb="3" eb="4">
      <t>リツ</t>
    </rPh>
    <rPh sb="4" eb="6">
      <t>カワサキ</t>
    </rPh>
    <phoneticPr fontId="5"/>
  </si>
  <si>
    <t>普通科 昼間部</t>
    <rPh sb="0" eb="3">
      <t>フツウカ</t>
    </rPh>
    <rPh sb="4" eb="6">
      <t>チュウカン</t>
    </rPh>
    <rPh sb="6" eb="7">
      <t>ブ</t>
    </rPh>
    <phoneticPr fontId="5"/>
  </si>
  <si>
    <t>インクルーシブ教育実践推進校特別募集</t>
    <rPh sb="7" eb="11">
      <t>キョウイクジッセン</t>
    </rPh>
    <rPh sb="11" eb="13">
      <t>スイシン</t>
    </rPh>
    <rPh sb="13" eb="14">
      <t>コウ</t>
    </rPh>
    <rPh sb="14" eb="16">
      <t>トクベツ</t>
    </rPh>
    <rPh sb="16" eb="18">
      <t>ボシュウ</t>
    </rPh>
    <phoneticPr fontId="7"/>
  </si>
  <si>
    <t>県立城郷</t>
    <rPh sb="0" eb="2">
      <t>ケンリツ</t>
    </rPh>
    <rPh sb="2" eb="4">
      <t>シロサト</t>
    </rPh>
    <phoneticPr fontId="15"/>
  </si>
  <si>
    <t>普通科</t>
    <rPh sb="0" eb="2">
      <t>フツウ</t>
    </rPh>
    <rPh sb="2" eb="3">
      <t>カ</t>
    </rPh>
    <phoneticPr fontId="15"/>
  </si>
  <si>
    <t>県立横浜南陵</t>
    <rPh sb="0" eb="2">
      <t>ケンリツ</t>
    </rPh>
    <rPh sb="2" eb="6">
      <t>ヨコハマナンリョウ</t>
    </rPh>
    <phoneticPr fontId="15"/>
  </si>
  <si>
    <t>県立保土ケ谷</t>
    <rPh sb="0" eb="2">
      <t>ケンリツ</t>
    </rPh>
    <rPh sb="2" eb="6">
      <t>ホドガヤ</t>
    </rPh>
    <phoneticPr fontId="15"/>
  </si>
  <si>
    <t>県立霧が丘</t>
    <rPh sb="0" eb="2">
      <t>ケンリツ</t>
    </rPh>
    <rPh sb="2" eb="3">
      <t>キリ</t>
    </rPh>
    <rPh sb="4" eb="5">
      <t>オカ</t>
    </rPh>
    <phoneticPr fontId="15"/>
  </si>
  <si>
    <t>県立白山</t>
    <rPh sb="0" eb="2">
      <t>ケンリツ</t>
    </rPh>
    <rPh sb="2" eb="4">
      <t>ハクサン</t>
    </rPh>
    <phoneticPr fontId="15"/>
  </si>
  <si>
    <t>県立上矢部</t>
    <rPh sb="0" eb="2">
      <t>ケンリツ</t>
    </rPh>
    <rPh sb="2" eb="5">
      <t>カミヤベ</t>
    </rPh>
    <phoneticPr fontId="15"/>
  </si>
  <si>
    <t>県立川崎北</t>
    <rPh sb="0" eb="2">
      <t>ケンリツ</t>
    </rPh>
    <rPh sb="2" eb="4">
      <t>カワサキ</t>
    </rPh>
    <rPh sb="4" eb="5">
      <t>キタ</t>
    </rPh>
    <phoneticPr fontId="15"/>
  </si>
  <si>
    <t>県立菅</t>
    <rPh sb="0" eb="2">
      <t>ケンリツ</t>
    </rPh>
    <rPh sb="2" eb="3">
      <t>スゲ</t>
    </rPh>
    <phoneticPr fontId="15"/>
  </si>
  <si>
    <t>県立上鶴間</t>
    <rPh sb="0" eb="2">
      <t>ケンリツ</t>
    </rPh>
    <rPh sb="2" eb="5">
      <t>カミツルマ</t>
    </rPh>
    <phoneticPr fontId="15"/>
  </si>
  <si>
    <t>県立津久井浜</t>
    <rPh sb="2" eb="5">
      <t>ツクイ</t>
    </rPh>
    <rPh sb="5" eb="6">
      <t>ハマ</t>
    </rPh>
    <phoneticPr fontId="15"/>
  </si>
  <si>
    <t>県立湘南台</t>
    <rPh sb="0" eb="2">
      <t>ケンリツ</t>
    </rPh>
    <rPh sb="2" eb="5">
      <t>ショウナンダイ</t>
    </rPh>
    <phoneticPr fontId="15"/>
  </si>
  <si>
    <t>県立茅ケ崎</t>
    <rPh sb="0" eb="2">
      <t>ケンリツ</t>
    </rPh>
    <rPh sb="2" eb="5">
      <t>チガサキ</t>
    </rPh>
    <phoneticPr fontId="15"/>
  </si>
  <si>
    <t>県立厚木西</t>
    <rPh sb="0" eb="2">
      <t>ケンリツ</t>
    </rPh>
    <rPh sb="2" eb="4">
      <t>アツギ</t>
    </rPh>
    <rPh sb="4" eb="5">
      <t>ニシ</t>
    </rPh>
    <phoneticPr fontId="15"/>
  </si>
  <si>
    <t>県立伊勢原</t>
    <rPh sb="0" eb="2">
      <t>ケンリツ</t>
    </rPh>
    <rPh sb="2" eb="5">
      <t>イセハラ</t>
    </rPh>
    <phoneticPr fontId="15"/>
  </si>
  <si>
    <t>県立足柄</t>
    <rPh sb="0" eb="2">
      <t>ケンリツ</t>
    </rPh>
    <rPh sb="2" eb="4">
      <t>アシガラ</t>
    </rPh>
    <phoneticPr fontId="15"/>
  </si>
  <si>
    <t>県立綾瀬</t>
    <rPh sb="0" eb="2">
      <t>ケンリツ</t>
    </rPh>
    <rPh sb="2" eb="4">
      <t>アヤセ</t>
    </rPh>
    <phoneticPr fontId="15"/>
  </si>
  <si>
    <t>県立二宮</t>
    <rPh sb="0" eb="2">
      <t>ケンリツ</t>
    </rPh>
    <rPh sb="2" eb="4">
      <t>ニノミヤ</t>
    </rPh>
    <phoneticPr fontId="15"/>
  </si>
  <si>
    <t>中途退学者募集</t>
    <rPh sb="0" eb="5">
      <t>チュウトタイガクシャ</t>
    </rPh>
    <rPh sb="5" eb="7">
      <t>ボシュウ</t>
    </rPh>
    <phoneticPr fontId="7"/>
  </si>
  <si>
    <t>県立横浜桜陽</t>
    <rPh sb="0" eb="2">
      <t>ケンリツ</t>
    </rPh>
    <rPh sb="2" eb="4">
      <t>ヨコハマ</t>
    </rPh>
    <rPh sb="4" eb="6">
      <t>オウヨウ</t>
    </rPh>
    <phoneticPr fontId="7"/>
  </si>
  <si>
    <t>単位制普通科</t>
    <rPh sb="0" eb="3">
      <t>タンイ</t>
    </rPh>
    <rPh sb="3" eb="5">
      <t>フツウ</t>
    </rPh>
    <rPh sb="5" eb="6">
      <t>カ</t>
    </rPh>
    <phoneticPr fontId="5"/>
  </si>
  <si>
    <t>県立川崎</t>
    <rPh sb="0" eb="2">
      <t>ケンリツ</t>
    </rPh>
    <rPh sb="2" eb="4">
      <t>カワサキ</t>
    </rPh>
    <phoneticPr fontId="7"/>
  </si>
  <si>
    <t>県立厚木清南</t>
    <rPh sb="0" eb="2">
      <t>ケンリツ</t>
    </rPh>
    <rPh sb="2" eb="4">
      <t>アツギ</t>
    </rPh>
    <rPh sb="4" eb="6">
      <t>セイナン</t>
    </rPh>
    <phoneticPr fontId="7"/>
  </si>
  <si>
    <t>単位制普通科</t>
    <rPh sb="0" eb="3">
      <t>タンイセイ</t>
    </rPh>
    <rPh sb="3" eb="5">
      <t>フツウ</t>
    </rPh>
    <rPh sb="5" eb="6">
      <t>カ</t>
    </rPh>
    <phoneticPr fontId="5"/>
  </si>
  <si>
    <t>５　別科学力検査受検状況</t>
    <rPh sb="4" eb="6">
      <t>ガクリョク</t>
    </rPh>
    <rPh sb="6" eb="8">
      <t>ケンサ</t>
    </rPh>
    <rPh sb="8" eb="10">
      <t>ジュケン</t>
    </rPh>
    <phoneticPr fontId="5"/>
  </si>
  <si>
    <t>別科</t>
    <rPh sb="0" eb="2">
      <t>ベッカ</t>
    </rPh>
    <phoneticPr fontId="5"/>
  </si>
  <si>
    <t>横浜市立横浜商業</t>
    <rPh sb="0" eb="4">
      <t>ヨコハマシリツ</t>
    </rPh>
    <rPh sb="4" eb="6">
      <t>ヨコハマ</t>
    </rPh>
    <rPh sb="6" eb="8">
      <t>ショウギョウ</t>
    </rPh>
    <phoneticPr fontId="5"/>
  </si>
  <si>
    <t>理容科</t>
    <rPh sb="0" eb="2">
      <t>リヨウ</t>
    </rPh>
    <rPh sb="2" eb="3">
      <t>カ</t>
    </rPh>
    <phoneticPr fontId="7"/>
  </si>
  <si>
    <t>美容科</t>
    <rPh sb="0" eb="2">
      <t>ビヨウ</t>
    </rPh>
    <rPh sb="2" eb="3">
      <t>カ</t>
    </rPh>
    <phoneticPr fontId="7"/>
  </si>
  <si>
    <t>３　一般募集共通選抜学力検査等受検状況（定時制の課程及び通信制の課程）</t>
    <rPh sb="2" eb="4">
      <t>イッパン</t>
    </rPh>
    <rPh sb="4" eb="6">
      <t>ボシュウ</t>
    </rPh>
    <rPh sb="6" eb="8">
      <t>キョウツウ</t>
    </rPh>
    <rPh sb="8" eb="10">
      <t>センバツ</t>
    </rPh>
    <rPh sb="10" eb="12">
      <t>ガクリョク</t>
    </rPh>
    <rPh sb="12" eb="14">
      <t>ケンサ</t>
    </rPh>
    <rPh sb="14" eb="15">
      <t>トウ</t>
    </rPh>
    <rPh sb="15" eb="17">
      <t>ジュケン</t>
    </rPh>
    <rPh sb="17" eb="19">
      <t>ジョウキョウ</t>
    </rPh>
    <rPh sb="20" eb="23">
      <t>テイジセイ</t>
    </rPh>
    <rPh sb="24" eb="26">
      <t>カテイ</t>
    </rPh>
    <rPh sb="26" eb="27">
      <t>オヨ</t>
    </rPh>
    <rPh sb="28" eb="31">
      <t>ツウシンセイ</t>
    </rPh>
    <rPh sb="32" eb="34">
      <t>カテイ</t>
    </rPh>
    <phoneticPr fontId="5"/>
  </si>
  <si>
    <t>（定時制の課程）</t>
  </si>
  <si>
    <t>普通科</t>
    <rPh sb="0" eb="2">
      <t>フツウ</t>
    </rPh>
    <rPh sb="2" eb="3">
      <t>カ</t>
    </rPh>
    <phoneticPr fontId="5"/>
  </si>
  <si>
    <t>募集</t>
    <rPh sb="0" eb="2">
      <t>ボシュウ</t>
    </rPh>
    <phoneticPr fontId="5"/>
  </si>
  <si>
    <t>共通選抜</t>
    <rPh sb="0" eb="2">
      <t>キョウツウ</t>
    </rPh>
    <rPh sb="2" eb="4">
      <t>センバツ</t>
    </rPh>
    <phoneticPr fontId="5"/>
  </si>
  <si>
    <t xml:space="preserve"> 学科・部名</t>
    <rPh sb="1" eb="2">
      <t>ガク</t>
    </rPh>
    <rPh sb="2" eb="3">
      <t>カ</t>
    </rPh>
    <rPh sb="4" eb="5">
      <t>ブ</t>
    </rPh>
    <rPh sb="5" eb="6">
      <t>ナ</t>
    </rPh>
    <phoneticPr fontId="5"/>
  </si>
  <si>
    <t>定員</t>
    <rPh sb="0" eb="2">
      <t>テイイン</t>
    </rPh>
    <phoneticPr fontId="5"/>
  </si>
  <si>
    <t>募集人員</t>
    <rPh sb="0" eb="2">
      <t>ボシュウ</t>
    </rPh>
    <rPh sb="2" eb="4">
      <t>ジンイン</t>
    </rPh>
    <phoneticPr fontId="5"/>
  </si>
  <si>
    <t>県立希望ケ丘</t>
    <rPh sb="0" eb="2">
      <t>ケンリツ</t>
    </rPh>
    <rPh sb="2" eb="6">
      <t>キボウガオカ</t>
    </rPh>
    <phoneticPr fontId="5"/>
  </si>
  <si>
    <t>横浜市立戸塚</t>
    <rPh sb="0" eb="4">
      <t>ヨコハマシリツ</t>
    </rPh>
    <rPh sb="4" eb="6">
      <t>トヅカ</t>
    </rPh>
    <phoneticPr fontId="5"/>
  </si>
  <si>
    <t>川崎市立川崎</t>
    <rPh sb="0" eb="4">
      <t>カワサキシリツ</t>
    </rPh>
    <rPh sb="4" eb="6">
      <t>カワサキ</t>
    </rPh>
    <phoneticPr fontId="5"/>
  </si>
  <si>
    <t>普通科昼間部</t>
    <rPh sb="0" eb="2">
      <t>フツウ</t>
    </rPh>
    <rPh sb="2" eb="3">
      <t>カ</t>
    </rPh>
    <rPh sb="3" eb="5">
      <t>チュウカン</t>
    </rPh>
    <rPh sb="5" eb="6">
      <t>ブ</t>
    </rPh>
    <phoneticPr fontId="7"/>
  </si>
  <si>
    <t>川崎市立橘</t>
    <rPh sb="0" eb="4">
      <t>カワサキシリツ</t>
    </rPh>
    <rPh sb="4" eb="5">
      <t>タチバナ</t>
    </rPh>
    <phoneticPr fontId="5"/>
  </si>
  <si>
    <t>川崎市立高津</t>
    <rPh sb="0" eb="4">
      <t>カワサキシリツ</t>
    </rPh>
    <rPh sb="4" eb="6">
      <t>タカツ</t>
    </rPh>
    <phoneticPr fontId="5"/>
  </si>
  <si>
    <t>－</t>
    <phoneticPr fontId="7"/>
  </si>
  <si>
    <t>専門学科（工業に関する学科）</t>
    <rPh sb="5" eb="7">
      <t>コウギョウ</t>
    </rPh>
    <rPh sb="8" eb="9">
      <t>カン</t>
    </rPh>
    <rPh sb="11" eb="13">
      <t>ガッカ</t>
    </rPh>
    <phoneticPr fontId="5"/>
  </si>
  <si>
    <t>競争率</t>
  </si>
  <si>
    <t>県立小田原北</t>
    <rPh sb="0" eb="2">
      <t>ケンリツ</t>
    </rPh>
    <rPh sb="2" eb="5">
      <t>オダワラ</t>
    </rPh>
    <rPh sb="5" eb="6">
      <t>キタ</t>
    </rPh>
    <phoneticPr fontId="7"/>
  </si>
  <si>
    <t>機械科・電気科</t>
    <rPh sb="0" eb="2">
      <t>キカイ</t>
    </rPh>
    <rPh sb="2" eb="3">
      <t>カ</t>
    </rPh>
    <rPh sb="4" eb="6">
      <t>デンキ</t>
    </rPh>
    <rPh sb="6" eb="7">
      <t>カ</t>
    </rPh>
    <phoneticPr fontId="7"/>
  </si>
  <si>
    <t>川崎市立川崎総合科学</t>
    <rPh sb="0" eb="4">
      <t>カワサキシリツ</t>
    </rPh>
    <rPh sb="4" eb="6">
      <t>カワサキ</t>
    </rPh>
    <rPh sb="6" eb="8">
      <t>ソウゴウ</t>
    </rPh>
    <rPh sb="8" eb="10">
      <t>カガク</t>
    </rPh>
    <phoneticPr fontId="7"/>
  </si>
  <si>
    <t>クリエイト工学科</t>
    <rPh sb="5" eb="8">
      <t>コウガッカ</t>
    </rPh>
    <phoneticPr fontId="7"/>
  </si>
  <si>
    <t>※　県立小田原北高等学校の前年度競争率は、県立小田原城北工業高等学校の前年度競争率です。</t>
    <rPh sb="2" eb="4">
      <t>ケンリツ</t>
    </rPh>
    <rPh sb="4" eb="7">
      <t>オダワラ</t>
    </rPh>
    <rPh sb="7" eb="8">
      <t>キタ</t>
    </rPh>
    <rPh sb="8" eb="10">
      <t>コウトウ</t>
    </rPh>
    <rPh sb="10" eb="12">
      <t>ガッコウ</t>
    </rPh>
    <rPh sb="13" eb="19">
      <t>ゼンネンドキョウソウリツ</t>
    </rPh>
    <rPh sb="21" eb="23">
      <t>ケンリツ</t>
    </rPh>
    <rPh sb="23" eb="26">
      <t>オダワラ</t>
    </rPh>
    <rPh sb="26" eb="28">
      <t>ジョウホク</t>
    </rPh>
    <rPh sb="28" eb="30">
      <t>コウギョウ</t>
    </rPh>
    <rPh sb="30" eb="34">
      <t>コウトウガッコウ</t>
    </rPh>
    <rPh sb="35" eb="41">
      <t>ゼンネンドキョウソウリツ</t>
    </rPh>
    <phoneticPr fontId="7"/>
  </si>
  <si>
    <t>専門学科（商業に関する学科）</t>
    <rPh sb="5" eb="7">
      <t>ショウギョウ</t>
    </rPh>
    <rPh sb="8" eb="9">
      <t>カン</t>
    </rPh>
    <rPh sb="11" eb="13">
      <t>ガッカ</t>
    </rPh>
    <phoneticPr fontId="5"/>
  </si>
  <si>
    <t>商業科</t>
    <rPh sb="0" eb="2">
      <t>ショウギョウ</t>
    </rPh>
    <rPh sb="2" eb="3">
      <t>カ</t>
    </rPh>
    <phoneticPr fontId="7"/>
  </si>
  <si>
    <t>単位制　普通科</t>
    <rPh sb="0" eb="3">
      <t>タンイセイ</t>
    </rPh>
    <rPh sb="4" eb="7">
      <t>フツウカ</t>
    </rPh>
    <phoneticPr fontId="5"/>
  </si>
  <si>
    <t xml:space="preserve"> 学科 ・部名</t>
    <rPh sb="1" eb="2">
      <t>ガク</t>
    </rPh>
    <rPh sb="2" eb="3">
      <t>カ</t>
    </rPh>
    <rPh sb="5" eb="6">
      <t>ブ</t>
    </rPh>
    <rPh sb="6" eb="7">
      <t>ナ</t>
    </rPh>
    <phoneticPr fontId="5"/>
  </si>
  <si>
    <t>県立神奈川工業</t>
    <rPh sb="0" eb="2">
      <t>ケンリツ</t>
    </rPh>
    <rPh sb="2" eb="5">
      <t>カナガワ</t>
    </rPh>
    <rPh sb="5" eb="7">
      <t>コウギョウ</t>
    </rPh>
    <phoneticPr fontId="7"/>
  </si>
  <si>
    <t>普通科</t>
    <rPh sb="0" eb="3">
      <t>フツウカ</t>
    </rPh>
    <phoneticPr fontId="7"/>
  </si>
  <si>
    <t>県立横浜明朋</t>
    <rPh sb="0" eb="2">
      <t>ケンリツ</t>
    </rPh>
    <rPh sb="2" eb="4">
      <t>ヨコハマ</t>
    </rPh>
    <rPh sb="4" eb="5">
      <t>メイ</t>
    </rPh>
    <rPh sb="5" eb="6">
      <t>ホウ</t>
    </rPh>
    <phoneticPr fontId="7"/>
  </si>
  <si>
    <t>普通科午前部</t>
    <rPh sb="0" eb="2">
      <t>フツウ</t>
    </rPh>
    <rPh sb="2" eb="3">
      <t>カ</t>
    </rPh>
    <rPh sb="3" eb="6">
      <t>ゴゼンブ</t>
    </rPh>
    <phoneticPr fontId="5"/>
  </si>
  <si>
    <t>普通科午後部</t>
    <rPh sb="0" eb="2">
      <t>フツウ</t>
    </rPh>
    <rPh sb="2" eb="3">
      <t>カ</t>
    </rPh>
    <rPh sb="3" eb="6">
      <t>ゴゴブ</t>
    </rPh>
    <phoneticPr fontId="5"/>
  </si>
  <si>
    <t>県立川崎</t>
    <rPh sb="0" eb="2">
      <t>ケンリツ</t>
    </rPh>
    <rPh sb="2" eb="4">
      <t>カワサキ</t>
    </rPh>
    <phoneticPr fontId="5"/>
  </si>
  <si>
    <t>県立湘南</t>
    <rPh sb="0" eb="2">
      <t>ケンリツ</t>
    </rPh>
    <rPh sb="2" eb="4">
      <t>ショウナン</t>
    </rPh>
    <phoneticPr fontId="7"/>
  </si>
  <si>
    <t>県立高浜</t>
    <rPh sb="0" eb="2">
      <t>ケンリツ</t>
    </rPh>
    <rPh sb="2" eb="4">
      <t>タカハマ</t>
    </rPh>
    <phoneticPr fontId="18"/>
  </si>
  <si>
    <t>普通科</t>
    <rPh sb="0" eb="3">
      <t>フツウカ</t>
    </rPh>
    <phoneticPr fontId="18"/>
  </si>
  <si>
    <t>県立小田原</t>
    <rPh sb="0" eb="2">
      <t>ケンリツ</t>
    </rPh>
    <rPh sb="2" eb="5">
      <t>オダワラ</t>
    </rPh>
    <phoneticPr fontId="7"/>
  </si>
  <si>
    <t>県立相模向陽館</t>
    <rPh sb="0" eb="2">
      <t>ケンリツ</t>
    </rPh>
    <rPh sb="2" eb="4">
      <t>サガミ</t>
    </rPh>
    <rPh sb="4" eb="7">
      <t>コウヨウカン</t>
    </rPh>
    <phoneticPr fontId="7"/>
  </si>
  <si>
    <t>県立神奈川総合産業</t>
    <rPh sb="0" eb="2">
      <t>ケンリツ</t>
    </rPh>
    <rPh sb="2" eb="5">
      <t>カナガワ</t>
    </rPh>
    <rPh sb="5" eb="7">
      <t>ソウゴウ</t>
    </rPh>
    <rPh sb="7" eb="9">
      <t>サンギョウ</t>
    </rPh>
    <phoneticPr fontId="7"/>
  </si>
  <si>
    <t>単位制　総合学科</t>
    <rPh sb="0" eb="3">
      <t>タンイセイ</t>
    </rPh>
    <rPh sb="4" eb="6">
      <t>ソウゴウ</t>
    </rPh>
    <rPh sb="6" eb="8">
      <t>ガッカ</t>
    </rPh>
    <phoneticPr fontId="5"/>
  </si>
  <si>
    <t>横浜市立横浜総合</t>
    <rPh sb="0" eb="2">
      <t>ヨコハマ</t>
    </rPh>
    <rPh sb="2" eb="4">
      <t>イチリツ</t>
    </rPh>
    <rPh sb="4" eb="6">
      <t>ヨコハマ</t>
    </rPh>
    <rPh sb="6" eb="8">
      <t>ソウゴウ</t>
    </rPh>
    <phoneticPr fontId="3"/>
  </si>
  <si>
    <t>総合学科Ⅰ部</t>
    <rPh sb="0" eb="2">
      <t>ソウゴウ</t>
    </rPh>
    <rPh sb="2" eb="4">
      <t>ガッカ</t>
    </rPh>
    <rPh sb="5" eb="6">
      <t>ブ</t>
    </rPh>
    <phoneticPr fontId="3"/>
  </si>
  <si>
    <t>総合学科Ⅱ部</t>
    <rPh sb="0" eb="2">
      <t>ソウゴウ</t>
    </rPh>
    <rPh sb="2" eb="4">
      <t>ガッカ</t>
    </rPh>
    <rPh sb="5" eb="6">
      <t>ブ</t>
    </rPh>
    <phoneticPr fontId="3"/>
  </si>
  <si>
    <t>総合学科Ⅲ部</t>
    <rPh sb="0" eb="2">
      <t>ソウゴウ</t>
    </rPh>
    <rPh sb="2" eb="4">
      <t>ガッカ</t>
    </rPh>
    <phoneticPr fontId="3"/>
  </si>
  <si>
    <t>横須賀市立横須賀総合</t>
    <rPh sb="0" eb="5">
      <t>ヨコスカシリツ</t>
    </rPh>
    <rPh sb="5" eb="8">
      <t>ヨコスカ</t>
    </rPh>
    <rPh sb="8" eb="10">
      <t>ソウゴウ</t>
    </rPh>
    <phoneticPr fontId="7"/>
  </si>
  <si>
    <t>総合学科</t>
    <rPh sb="0" eb="2">
      <t>ソウゴウ</t>
    </rPh>
    <rPh sb="2" eb="4">
      <t>ガッカ</t>
    </rPh>
    <phoneticPr fontId="7"/>
  </si>
  <si>
    <t>単位制　専門学科（工業に関する学科）</t>
    <rPh sb="0" eb="3">
      <t>タンイセイ</t>
    </rPh>
    <rPh sb="9" eb="11">
      <t>コウギョウ</t>
    </rPh>
    <rPh sb="12" eb="13">
      <t>カン</t>
    </rPh>
    <rPh sb="15" eb="17">
      <t>ガッカ</t>
    </rPh>
    <phoneticPr fontId="5"/>
  </si>
  <si>
    <t>県立神奈川工業</t>
    <rPh sb="0" eb="2">
      <t>ケンリツ</t>
    </rPh>
    <rPh sb="2" eb="5">
      <t>カナガワ</t>
    </rPh>
    <rPh sb="5" eb="7">
      <t>コウギョウ</t>
    </rPh>
    <phoneticPr fontId="5"/>
  </si>
  <si>
    <t>※　県立神奈川工業高等学校（単位制機械科、単位制電気科及び単位制建設科）の前年度競争率は、同校（機械科、電気科及び建設科）の前年度競争率です。</t>
    <phoneticPr fontId="5"/>
  </si>
  <si>
    <t>（通信制の課程）</t>
    <rPh sb="1" eb="3">
      <t>ツウシン</t>
    </rPh>
    <rPh sb="3" eb="4">
      <t>セイ</t>
    </rPh>
    <rPh sb="5" eb="7">
      <t>カテイ</t>
    </rPh>
    <phoneticPr fontId="7"/>
  </si>
  <si>
    <t>単位制　普通科</t>
    <rPh sb="0" eb="3">
      <t>タンイセイ</t>
    </rPh>
    <rPh sb="4" eb="6">
      <t>フツウ</t>
    </rPh>
    <rPh sb="6" eb="7">
      <t>カ</t>
    </rPh>
    <phoneticPr fontId="5"/>
  </si>
  <si>
    <t>(B)</t>
    <phoneticPr fontId="7"/>
  </si>
  <si>
    <t>県立横浜修悠館</t>
    <rPh sb="0" eb="2">
      <t>ケンリツ</t>
    </rPh>
    <rPh sb="2" eb="4">
      <t>ヨコハマ</t>
    </rPh>
    <rPh sb="4" eb="5">
      <t>シュウ</t>
    </rPh>
    <rPh sb="5" eb="6">
      <t>ユウ</t>
    </rPh>
    <rPh sb="6" eb="7">
      <t>カン</t>
    </rPh>
    <phoneticPr fontId="7"/>
  </si>
  <si>
    <t>県立厚木清南</t>
    <rPh sb="0" eb="2">
      <t>ケンリツ</t>
    </rPh>
    <rPh sb="2" eb="4">
      <t>アツギ</t>
    </rPh>
    <rPh sb="4" eb="5">
      <t>シン</t>
    </rPh>
    <rPh sb="5" eb="6">
      <t>ミナミ</t>
    </rPh>
    <phoneticPr fontId="5"/>
  </si>
  <si>
    <t xml:space="preserve"> 学科・コース名</t>
    <rPh sb="1" eb="2">
      <t>ガク</t>
    </rPh>
    <rPh sb="2" eb="3">
      <t>カ</t>
    </rPh>
    <rPh sb="7" eb="8">
      <t>ナ</t>
    </rPh>
    <phoneticPr fontId="5"/>
  </si>
  <si>
    <t>普通科個性化コース</t>
    <rPh sb="0" eb="3">
      <t>フツウカ</t>
    </rPh>
    <rPh sb="3" eb="6">
      <t>コセイカ</t>
    </rPh>
    <phoneticPr fontId="5"/>
  </si>
  <si>
    <t>普通科国際文化コース</t>
    <rPh sb="0" eb="3">
      <t>フツウカ</t>
    </rPh>
    <rPh sb="3" eb="5">
      <t>コクサイ</t>
    </rPh>
    <rPh sb="5" eb="7">
      <t>ブンカ</t>
    </rPh>
    <phoneticPr fontId="5"/>
  </si>
  <si>
    <t>　　計</t>
    <rPh sb="2" eb="3">
      <t>ケイ</t>
    </rPh>
    <phoneticPr fontId="5"/>
  </si>
  <si>
    <t>県立横浜緑園</t>
    <rPh sb="0" eb="2">
      <t>ケンリツ</t>
    </rPh>
    <rPh sb="2" eb="4">
      <t>ヨコハマ</t>
    </rPh>
    <rPh sb="4" eb="6">
      <t>リョクエン</t>
    </rPh>
    <phoneticPr fontId="5"/>
  </si>
  <si>
    <t>普通科</t>
    <rPh sb="0" eb="3">
      <t>フツウカ</t>
    </rPh>
    <phoneticPr fontId="5"/>
  </si>
  <si>
    <t>県立横浜桜陽</t>
    <rPh sb="0" eb="2">
      <t>ケンリツ</t>
    </rPh>
    <rPh sb="2" eb="4">
      <t>ヨコハマ</t>
    </rPh>
    <rPh sb="4" eb="5">
      <t>オウ</t>
    </rPh>
    <rPh sb="5" eb="6">
      <t>ヨウ</t>
    </rPh>
    <phoneticPr fontId="5"/>
  </si>
  <si>
    <t>県立横浜清陵</t>
    <rPh sb="0" eb="2">
      <t>ケンリツ</t>
    </rPh>
    <rPh sb="2" eb="4">
      <t>ヨコハマ</t>
    </rPh>
    <rPh sb="4" eb="6">
      <t>セイリョウ</t>
    </rPh>
    <phoneticPr fontId="5"/>
  </si>
  <si>
    <t>県立横浜栄</t>
    <rPh sb="0" eb="2">
      <t>ケンリツ</t>
    </rPh>
    <rPh sb="2" eb="4">
      <t>ヨコハマ</t>
    </rPh>
    <rPh sb="4" eb="5">
      <t>サカエ</t>
    </rPh>
    <phoneticPr fontId="7"/>
  </si>
  <si>
    <t>県立大師</t>
    <rPh sb="0" eb="2">
      <t>ケンリツ</t>
    </rPh>
    <rPh sb="2" eb="4">
      <t>ダイシ</t>
    </rPh>
    <phoneticPr fontId="5"/>
  </si>
  <si>
    <t>県立三浦初声</t>
    <rPh sb="0" eb="2">
      <t>ケンリツ</t>
    </rPh>
    <rPh sb="2" eb="4">
      <t>ミウラ</t>
    </rPh>
    <rPh sb="4" eb="5">
      <t>ハツ</t>
    </rPh>
    <rPh sb="5" eb="6">
      <t>コエ</t>
    </rPh>
    <phoneticPr fontId="5"/>
  </si>
  <si>
    <t>県立藤沢清流</t>
    <rPh sb="0" eb="2">
      <t>ケンリツ</t>
    </rPh>
    <rPh sb="2" eb="4">
      <t>フジサワ</t>
    </rPh>
    <rPh sb="4" eb="6">
      <t>セイリュウ</t>
    </rPh>
    <phoneticPr fontId="5"/>
  </si>
  <si>
    <t>県立平塚湘風</t>
    <rPh sb="0" eb="2">
      <t>ケンリツ</t>
    </rPh>
    <rPh sb="2" eb="4">
      <t>ヒラツカ</t>
    </rPh>
    <rPh sb="4" eb="5">
      <t>ショウ</t>
    </rPh>
    <rPh sb="5" eb="6">
      <t>フウ</t>
    </rPh>
    <phoneticPr fontId="7"/>
  </si>
  <si>
    <t>県立小田原</t>
    <rPh sb="0" eb="2">
      <t>ケンリツ</t>
    </rPh>
    <rPh sb="2" eb="5">
      <t>オダワラ</t>
    </rPh>
    <phoneticPr fontId="5"/>
  </si>
  <si>
    <t>県立厚木清南</t>
    <rPh sb="0" eb="2">
      <t>ケンリツ</t>
    </rPh>
    <rPh sb="2" eb="4">
      <t>アツギ</t>
    </rPh>
    <rPh sb="4" eb="6">
      <t>セイナン</t>
    </rPh>
    <phoneticPr fontId="5"/>
  </si>
  <si>
    <t>県立相模原城山</t>
    <rPh sb="0" eb="2">
      <t>ケンリツ</t>
    </rPh>
    <rPh sb="2" eb="5">
      <t>サガミハラ</t>
    </rPh>
    <rPh sb="5" eb="7">
      <t>シロヤマ</t>
    </rPh>
    <phoneticPr fontId="5"/>
  </si>
  <si>
    <t>県立相模原弥栄</t>
    <rPh sb="0" eb="2">
      <t>ケンリツ</t>
    </rPh>
    <rPh sb="2" eb="5">
      <t>サガミハラ</t>
    </rPh>
    <rPh sb="5" eb="6">
      <t>ヤ</t>
    </rPh>
    <rPh sb="6" eb="7">
      <t>サカ</t>
    </rPh>
    <phoneticPr fontId="5"/>
  </si>
  <si>
    <t>横浜市立戸塚</t>
    <rPh sb="0" eb="4">
      <t>ヨコハマシリツ</t>
    </rPh>
    <rPh sb="4" eb="6">
      <t>トツカ</t>
    </rPh>
    <phoneticPr fontId="5"/>
  </si>
  <si>
    <t>普通科一般コース</t>
    <rPh sb="0" eb="3">
      <t>フツウカ</t>
    </rPh>
    <rPh sb="3" eb="5">
      <t>イッパン</t>
    </rPh>
    <phoneticPr fontId="5"/>
  </si>
  <si>
    <t>単位制　普通科専門コース</t>
    <rPh sb="0" eb="3">
      <t>タンイセイ</t>
    </rPh>
    <rPh sb="4" eb="7">
      <t>フツウカ</t>
    </rPh>
    <rPh sb="7" eb="9">
      <t>センモン</t>
    </rPh>
    <phoneticPr fontId="5"/>
  </si>
  <si>
    <t>普通科音楽コース</t>
    <rPh sb="0" eb="3">
      <t>フツウカ</t>
    </rPh>
    <rPh sb="3" eb="5">
      <t>オンガク</t>
    </rPh>
    <phoneticPr fontId="5"/>
  </si>
  <si>
    <t>単位制　総合学科　（クリエイティブスクールを除く。）</t>
    <rPh sb="0" eb="3">
      <t>タンイセイ</t>
    </rPh>
    <rPh sb="4" eb="6">
      <t>ソウゴウ</t>
    </rPh>
    <rPh sb="6" eb="8">
      <t>ガッカ</t>
    </rPh>
    <rPh sb="22" eb="23">
      <t>ノゾ</t>
    </rPh>
    <phoneticPr fontId="5"/>
  </si>
  <si>
    <t>県立鶴見総合</t>
    <rPh sb="0" eb="2">
      <t>ケンリツ</t>
    </rPh>
    <rPh sb="2" eb="4">
      <t>ツルミ</t>
    </rPh>
    <rPh sb="4" eb="6">
      <t>ソウゴウ</t>
    </rPh>
    <phoneticPr fontId="5"/>
  </si>
  <si>
    <t>総合学科</t>
    <rPh sb="0" eb="2">
      <t>ソウゴウ</t>
    </rPh>
    <rPh sb="2" eb="4">
      <t>ガッカ</t>
    </rPh>
    <phoneticPr fontId="5"/>
  </si>
  <si>
    <t>県立金沢総合</t>
    <rPh sb="0" eb="2">
      <t>ケンリツ</t>
    </rPh>
    <rPh sb="2" eb="4">
      <t>カナザワ</t>
    </rPh>
    <rPh sb="4" eb="6">
      <t>ソウゴウ</t>
    </rPh>
    <phoneticPr fontId="5"/>
  </si>
  <si>
    <t>県立藤沢総合</t>
    <rPh sb="0" eb="2">
      <t>ケンリツ</t>
    </rPh>
    <rPh sb="2" eb="4">
      <t>フジサワ</t>
    </rPh>
    <rPh sb="4" eb="6">
      <t>ソウゴウ</t>
    </rPh>
    <phoneticPr fontId="5"/>
  </si>
  <si>
    <t>県立秦野総合</t>
    <rPh sb="0" eb="2">
      <t>ケンリツ</t>
    </rPh>
    <rPh sb="2" eb="4">
      <t>ハダノ</t>
    </rPh>
    <rPh sb="4" eb="6">
      <t>ソウゴウ</t>
    </rPh>
    <phoneticPr fontId="7"/>
  </si>
  <si>
    <t>県立座間総合</t>
    <rPh sb="0" eb="2">
      <t>ケンリツ</t>
    </rPh>
    <rPh sb="2" eb="4">
      <t>ザマ</t>
    </rPh>
    <rPh sb="4" eb="6">
      <t>ソウゴウ</t>
    </rPh>
    <phoneticPr fontId="7"/>
  </si>
  <si>
    <t>横浜市立みなと総合</t>
    <rPh sb="0" eb="4">
      <t>ヨコハマイチリツ</t>
    </rPh>
    <rPh sb="7" eb="9">
      <t>ソウゴウ</t>
    </rPh>
    <phoneticPr fontId="5"/>
  </si>
  <si>
    <t>横須賀市立横須賀総合</t>
    <rPh sb="0" eb="5">
      <t>ヨコスカシリツ</t>
    </rPh>
    <rPh sb="5" eb="8">
      <t>ヨコスカ</t>
    </rPh>
    <rPh sb="8" eb="10">
      <t>ソウゴウ</t>
    </rPh>
    <phoneticPr fontId="5"/>
  </si>
  <si>
    <t>単位制　総合学科　クリエイティブスクール</t>
    <rPh sb="0" eb="3">
      <t>タンイセイ</t>
    </rPh>
    <rPh sb="4" eb="6">
      <t>ソウゴウ</t>
    </rPh>
    <rPh sb="6" eb="8">
      <t>ガッカ</t>
    </rPh>
    <phoneticPr fontId="5"/>
  </si>
  <si>
    <t>県立青葉総合</t>
    <rPh sb="0" eb="2">
      <t>ケンリツ</t>
    </rPh>
    <rPh sb="2" eb="4">
      <t>アオバ</t>
    </rPh>
    <rPh sb="4" eb="6">
      <t>ソウゴウ</t>
    </rPh>
    <phoneticPr fontId="5"/>
  </si>
  <si>
    <t>単位制　専門学科（農業に関する学科）</t>
    <rPh sb="9" eb="11">
      <t>ノウギョウ</t>
    </rPh>
    <rPh sb="12" eb="13">
      <t>カン</t>
    </rPh>
    <rPh sb="15" eb="17">
      <t>ガッカ</t>
    </rPh>
    <phoneticPr fontId="7"/>
  </si>
  <si>
    <t>県立三浦初声</t>
    <rPh sb="0" eb="1">
      <t>ケン</t>
    </rPh>
    <rPh sb="1" eb="2">
      <t>リツ</t>
    </rPh>
    <rPh sb="2" eb="4">
      <t>ミウラ</t>
    </rPh>
    <rPh sb="4" eb="5">
      <t>ハツ</t>
    </rPh>
    <rPh sb="5" eb="6">
      <t>コエ</t>
    </rPh>
    <phoneticPr fontId="7"/>
  </si>
  <si>
    <t>都市農業科</t>
    <rPh sb="0" eb="2">
      <t>トシ</t>
    </rPh>
    <rPh sb="2" eb="4">
      <t>ノウギョウ</t>
    </rPh>
    <rPh sb="4" eb="5">
      <t>カ</t>
    </rPh>
    <phoneticPr fontId="5"/>
  </si>
  <si>
    <t>県立吉田島</t>
    <rPh sb="0" eb="2">
      <t>ケンリツ</t>
    </rPh>
    <rPh sb="2" eb="5">
      <t>ヨシダジマ</t>
    </rPh>
    <phoneticPr fontId="7"/>
  </si>
  <si>
    <t>食品加工科</t>
    <rPh sb="0" eb="2">
      <t>ショクヒン</t>
    </rPh>
    <rPh sb="2" eb="4">
      <t>カコウ</t>
    </rPh>
    <rPh sb="4" eb="5">
      <t>カ</t>
    </rPh>
    <phoneticPr fontId="5"/>
  </si>
  <si>
    <t>環境緑地科</t>
    <rPh sb="0" eb="2">
      <t>カンキョウ</t>
    </rPh>
    <rPh sb="2" eb="4">
      <t>リョクチ</t>
    </rPh>
    <rPh sb="4" eb="5">
      <t>カ</t>
    </rPh>
    <phoneticPr fontId="5"/>
  </si>
  <si>
    <t xml:space="preserve"> </t>
    <phoneticPr fontId="7"/>
  </si>
  <si>
    <t>単位制　専門学科（家庭に関する学科）</t>
    <rPh sb="9" eb="11">
      <t>カテイ</t>
    </rPh>
    <rPh sb="12" eb="13">
      <t>カン</t>
    </rPh>
    <rPh sb="15" eb="17">
      <t>ガッカ</t>
    </rPh>
    <phoneticPr fontId="7"/>
  </si>
  <si>
    <t>生活科学科</t>
    <rPh sb="0" eb="5">
      <t>セイカツカガクカ</t>
    </rPh>
    <phoneticPr fontId="5"/>
  </si>
  <si>
    <t>単位制　専門学科（理数に関する学科）</t>
    <rPh sb="9" eb="11">
      <t>リスウ</t>
    </rPh>
    <rPh sb="12" eb="13">
      <t>カン</t>
    </rPh>
    <rPh sb="15" eb="17">
      <t>ガッカ</t>
    </rPh>
    <phoneticPr fontId="7"/>
  </si>
  <si>
    <t>横浜市立横浜サイエンスフロンティア</t>
    <phoneticPr fontId="7"/>
  </si>
  <si>
    <t>理数科</t>
    <rPh sb="0" eb="3">
      <t>リスウカ</t>
    </rPh>
    <phoneticPr fontId="5"/>
  </si>
  <si>
    <t>単位制　専門学科（体育に関する学科）</t>
    <rPh sb="9" eb="11">
      <t>タイイク</t>
    </rPh>
    <rPh sb="12" eb="13">
      <t>カン</t>
    </rPh>
    <rPh sb="15" eb="17">
      <t>ガッカ</t>
    </rPh>
    <phoneticPr fontId="7"/>
  </si>
  <si>
    <t>県立相模原弥栄</t>
    <rPh sb="0" eb="2">
      <t>ケンリツ</t>
    </rPh>
    <rPh sb="2" eb="5">
      <t>サガミハラ</t>
    </rPh>
    <rPh sb="5" eb="7">
      <t>ヤエイ</t>
    </rPh>
    <phoneticPr fontId="7"/>
  </si>
  <si>
    <t>スポーツ科学科</t>
    <rPh sb="4" eb="6">
      <t>カガク</t>
    </rPh>
    <rPh sb="6" eb="7">
      <t>カ</t>
    </rPh>
    <phoneticPr fontId="7"/>
  </si>
  <si>
    <t>単位制　専門学科（音楽に関する学科）</t>
    <rPh sb="9" eb="11">
      <t>オンガク</t>
    </rPh>
    <rPh sb="12" eb="13">
      <t>カン</t>
    </rPh>
    <rPh sb="15" eb="17">
      <t>ガッカ</t>
    </rPh>
    <phoneticPr fontId="7"/>
  </si>
  <si>
    <t>音楽科</t>
    <rPh sb="0" eb="2">
      <t>オンガク</t>
    </rPh>
    <rPh sb="2" eb="3">
      <t>カ</t>
    </rPh>
    <phoneticPr fontId="7"/>
  </si>
  <si>
    <t>単位制　専門学科（美術に関する学科）</t>
    <rPh sb="9" eb="11">
      <t>ビジュツ</t>
    </rPh>
    <rPh sb="12" eb="13">
      <t>カン</t>
    </rPh>
    <rPh sb="15" eb="17">
      <t>ガッカ</t>
    </rPh>
    <phoneticPr fontId="7"/>
  </si>
  <si>
    <t>美術科</t>
    <rPh sb="0" eb="2">
      <t>ビジュツ</t>
    </rPh>
    <rPh sb="2" eb="3">
      <t>カ</t>
    </rPh>
    <phoneticPr fontId="7"/>
  </si>
  <si>
    <t>単位制　専門学科（国際関係に関する学科）</t>
    <rPh sb="9" eb="11">
      <t>コクサイ</t>
    </rPh>
    <rPh sb="14" eb="15">
      <t>カン</t>
    </rPh>
    <rPh sb="17" eb="19">
      <t>ガッカ</t>
    </rPh>
    <phoneticPr fontId="7"/>
  </si>
  <si>
    <t>県立横浜国際</t>
    <rPh sb="0" eb="2">
      <t>ケンリツ</t>
    </rPh>
    <rPh sb="2" eb="4">
      <t>ヨコハマ</t>
    </rPh>
    <rPh sb="4" eb="6">
      <t>コクサイ</t>
    </rPh>
    <phoneticPr fontId="7"/>
  </si>
  <si>
    <t>国際科</t>
    <rPh sb="0" eb="2">
      <t>コクサイ</t>
    </rPh>
    <rPh sb="2" eb="3">
      <t>カ</t>
    </rPh>
    <phoneticPr fontId="7"/>
  </si>
  <si>
    <t>国際科国際バカロレア
コース</t>
    <rPh sb="0" eb="3">
      <t>コクサイカ</t>
    </rPh>
    <rPh sb="3" eb="5">
      <t>コクサイ</t>
    </rPh>
    <phoneticPr fontId="7"/>
  </si>
  <si>
    <t>※　県立横浜国際高等学校の国際科は、国際科国際バカロレアコースを除く国際科です。</t>
    <rPh sb="8" eb="10">
      <t>コウトウ</t>
    </rPh>
    <rPh sb="10" eb="12">
      <t>ガッコウ</t>
    </rPh>
    <phoneticPr fontId="7"/>
  </si>
  <si>
    <t>単位制　専門学科（総合産業に関する学科）</t>
    <rPh sb="9" eb="11">
      <t>ソウゴウ</t>
    </rPh>
    <rPh sb="11" eb="13">
      <t>サンギョウ</t>
    </rPh>
    <rPh sb="14" eb="15">
      <t>カン</t>
    </rPh>
    <rPh sb="17" eb="19">
      <t>ガッカ</t>
    </rPh>
    <phoneticPr fontId="7"/>
  </si>
  <si>
    <t>県立神奈川総合産業</t>
    <rPh sb="0" eb="2">
      <t>ケンリツ</t>
    </rPh>
    <rPh sb="2" eb="5">
      <t>カナガワ</t>
    </rPh>
    <rPh sb="5" eb="7">
      <t>ソウゴウ</t>
    </rPh>
    <rPh sb="7" eb="9">
      <t>サンギョウ</t>
    </rPh>
    <phoneticPr fontId="5"/>
  </si>
  <si>
    <t>総合産業科</t>
    <rPh sb="0" eb="2">
      <t>ソウゴウ</t>
    </rPh>
    <rPh sb="2" eb="4">
      <t>サンギョウ</t>
    </rPh>
    <rPh sb="4" eb="5">
      <t>カ</t>
    </rPh>
    <phoneticPr fontId="5"/>
  </si>
  <si>
    <t>単位制　専門学科（舞台芸術に関する学科）</t>
    <rPh sb="9" eb="11">
      <t>ブタイ</t>
    </rPh>
    <rPh sb="11" eb="13">
      <t>ゲイジュツ</t>
    </rPh>
    <rPh sb="14" eb="15">
      <t>カン</t>
    </rPh>
    <rPh sb="17" eb="19">
      <t>ガッカ</t>
    </rPh>
    <phoneticPr fontId="7"/>
  </si>
  <si>
    <t>舞台芸術科</t>
    <rPh sb="0" eb="2">
      <t>ブタイ</t>
    </rPh>
    <rPh sb="2" eb="4">
      <t>ゲイジュツ</t>
    </rPh>
    <rPh sb="4" eb="5">
      <t>カ</t>
    </rPh>
    <phoneticPr fontId="5"/>
  </si>
  <si>
    <t>２　連携募集検査受検状況</t>
    <rPh sb="2" eb="4">
      <t>レンケイ</t>
    </rPh>
    <rPh sb="4" eb="6">
      <t>ボシュウ</t>
    </rPh>
    <rPh sb="6" eb="8">
      <t>ケンサ</t>
    </rPh>
    <rPh sb="8" eb="10">
      <t>ジュケン</t>
    </rPh>
    <rPh sb="10" eb="12">
      <t>ジョウキョウ</t>
    </rPh>
    <phoneticPr fontId="5"/>
  </si>
  <si>
    <t>(A)</t>
  </si>
  <si>
    <t>(B)</t>
  </si>
  <si>
    <t>(B/A)</t>
  </si>
  <si>
    <t>県立愛川</t>
    <rPh sb="0" eb="2">
      <t>ケンリツ</t>
    </rPh>
    <rPh sb="2" eb="4">
      <t>アイカワ</t>
    </rPh>
    <phoneticPr fontId="5"/>
  </si>
  <si>
    <t>専門学科（農業に関する学科）</t>
    <rPh sb="5" eb="7">
      <t>ノウギョウ</t>
    </rPh>
    <rPh sb="8" eb="9">
      <t>カン</t>
    </rPh>
    <rPh sb="11" eb="13">
      <t>ガッカ</t>
    </rPh>
    <phoneticPr fontId="5"/>
  </si>
  <si>
    <t xml:space="preserve"> 学 科 名</t>
    <rPh sb="1" eb="2">
      <t>ガク</t>
    </rPh>
    <rPh sb="3" eb="4">
      <t>カ</t>
    </rPh>
    <rPh sb="5" eb="6">
      <t>メイ</t>
    </rPh>
    <phoneticPr fontId="5"/>
  </si>
  <si>
    <t>県立平塚農商</t>
    <rPh sb="0" eb="2">
      <t>ケンリツ</t>
    </rPh>
    <rPh sb="2" eb="4">
      <t>ヒラツカ</t>
    </rPh>
    <rPh sb="4" eb="5">
      <t>ノウ</t>
    </rPh>
    <rPh sb="5" eb="6">
      <t>ショウ</t>
    </rPh>
    <phoneticPr fontId="5"/>
  </si>
  <si>
    <t>都市農業科</t>
    <rPh sb="0" eb="2">
      <t>トシ</t>
    </rPh>
    <rPh sb="2" eb="4">
      <t>ノウギョウ</t>
    </rPh>
    <rPh sb="4" eb="5">
      <t>カ</t>
    </rPh>
    <phoneticPr fontId="3"/>
  </si>
  <si>
    <t>都市環境科</t>
    <rPh sb="0" eb="2">
      <t>トシ</t>
    </rPh>
    <rPh sb="2" eb="4">
      <t>カンキョウ</t>
    </rPh>
    <rPh sb="4" eb="5">
      <t>カ</t>
    </rPh>
    <phoneticPr fontId="5"/>
  </si>
  <si>
    <t>食品科学科</t>
    <rPh sb="0" eb="2">
      <t>ショクヒン</t>
    </rPh>
    <rPh sb="2" eb="4">
      <t>カガク</t>
    </rPh>
    <rPh sb="3" eb="5">
      <t>ガッカ</t>
    </rPh>
    <phoneticPr fontId="3"/>
  </si>
  <si>
    <t>農業総合科</t>
    <rPh sb="0" eb="2">
      <t>ノウギョウ</t>
    </rPh>
    <rPh sb="2" eb="4">
      <t>ソウゴウ</t>
    </rPh>
    <rPh sb="4" eb="5">
      <t>カ</t>
    </rPh>
    <phoneticPr fontId="3"/>
  </si>
  <si>
    <t>　　計</t>
    <rPh sb="2" eb="3">
      <t>ケイ</t>
    </rPh>
    <phoneticPr fontId="3"/>
  </si>
  <si>
    <t>県立相原</t>
    <rPh sb="0" eb="2">
      <t>ケンリツ</t>
    </rPh>
    <rPh sb="2" eb="4">
      <t>アイハラ</t>
    </rPh>
    <phoneticPr fontId="5"/>
  </si>
  <si>
    <t>畜産科学科</t>
    <rPh sb="0" eb="2">
      <t>チクサンカ</t>
    </rPh>
    <rPh sb="2" eb="5">
      <t>カガクカ</t>
    </rPh>
    <phoneticPr fontId="3"/>
  </si>
  <si>
    <t>食品科学科</t>
    <rPh sb="0" eb="2">
      <t>ショクヒン</t>
    </rPh>
    <rPh sb="2" eb="5">
      <t>カガクカ</t>
    </rPh>
    <phoneticPr fontId="3"/>
  </si>
  <si>
    <t>環境緑地科</t>
    <rPh sb="0" eb="2">
      <t>カンキョウ</t>
    </rPh>
    <rPh sb="2" eb="4">
      <t>リョクチ</t>
    </rPh>
    <rPh sb="4" eb="5">
      <t>カ</t>
    </rPh>
    <phoneticPr fontId="3"/>
  </si>
  <si>
    <t>県立中央農業</t>
    <rPh sb="0" eb="2">
      <t>ケンリツ</t>
    </rPh>
    <rPh sb="2" eb="4">
      <t>チュウオウ</t>
    </rPh>
    <rPh sb="4" eb="6">
      <t>ノウギョウ</t>
    </rPh>
    <phoneticPr fontId="5"/>
  </si>
  <si>
    <t>園芸科学科</t>
    <rPh sb="0" eb="2">
      <t>エンゲイ</t>
    </rPh>
    <rPh sb="2" eb="5">
      <t>カガクカ</t>
    </rPh>
    <phoneticPr fontId="3"/>
  </si>
  <si>
    <t>専門学科（工業に関する学科）</t>
    <rPh sb="5" eb="6">
      <t>コウ</t>
    </rPh>
    <rPh sb="6" eb="7">
      <t>ノウギョウ</t>
    </rPh>
    <rPh sb="8" eb="9">
      <t>カン</t>
    </rPh>
    <rPh sb="11" eb="13">
      <t>ガッカ</t>
    </rPh>
    <phoneticPr fontId="5"/>
  </si>
  <si>
    <t>機械科</t>
    <rPh sb="0" eb="3">
      <t>キカイカ</t>
    </rPh>
    <phoneticPr fontId="5"/>
  </si>
  <si>
    <t>建設科</t>
    <rPh sb="0" eb="3">
      <t>ケンセツカ</t>
    </rPh>
    <phoneticPr fontId="5"/>
  </si>
  <si>
    <t>電気科</t>
    <rPh sb="0" eb="3">
      <t>デンキカ</t>
    </rPh>
    <phoneticPr fontId="5"/>
  </si>
  <si>
    <t>デザイン科</t>
    <rPh sb="4" eb="5">
      <t>カ</t>
    </rPh>
    <phoneticPr fontId="5"/>
  </si>
  <si>
    <t>県立商工</t>
    <rPh sb="0" eb="2">
      <t>ケンリツ</t>
    </rPh>
    <rPh sb="2" eb="4">
      <t>ショウコウ</t>
    </rPh>
    <phoneticPr fontId="5"/>
  </si>
  <si>
    <t>総合技術科</t>
    <rPh sb="0" eb="2">
      <t>ソウゴウ</t>
    </rPh>
    <rPh sb="2" eb="4">
      <t>ギジュツ</t>
    </rPh>
    <rPh sb="4" eb="5">
      <t>カ</t>
    </rPh>
    <phoneticPr fontId="5"/>
  </si>
  <si>
    <t>県立磯子工業</t>
    <rPh sb="0" eb="2">
      <t>ケンリツ</t>
    </rPh>
    <rPh sb="2" eb="4">
      <t>イソゴ</t>
    </rPh>
    <rPh sb="4" eb="6">
      <t>コウギョウ</t>
    </rPh>
    <phoneticPr fontId="5"/>
  </si>
  <si>
    <t>化学科</t>
    <rPh sb="0" eb="3">
      <t>カガクカ</t>
    </rPh>
    <phoneticPr fontId="5"/>
  </si>
  <si>
    <t>県立川崎工科</t>
    <rPh sb="0" eb="2">
      <t>ケンリツ</t>
    </rPh>
    <rPh sb="2" eb="4">
      <t>カワサキ</t>
    </rPh>
    <rPh sb="4" eb="6">
      <t>コウカ</t>
    </rPh>
    <phoneticPr fontId="5"/>
  </si>
  <si>
    <t>県立向の岡工業</t>
    <rPh sb="0" eb="2">
      <t>ケンリツ</t>
    </rPh>
    <rPh sb="2" eb="3">
      <t>ム</t>
    </rPh>
    <rPh sb="4" eb="5">
      <t>オカ</t>
    </rPh>
    <rPh sb="5" eb="7">
      <t>コウギョウ</t>
    </rPh>
    <phoneticPr fontId="5"/>
  </si>
  <si>
    <t>機械科</t>
    <rPh sb="0" eb="3">
      <t>キカイカ</t>
    </rPh>
    <phoneticPr fontId="3"/>
  </si>
  <si>
    <t>建設科</t>
    <rPh sb="0" eb="3">
      <t>ケンセツカ</t>
    </rPh>
    <phoneticPr fontId="3"/>
  </si>
  <si>
    <t>電気科</t>
    <rPh sb="0" eb="2">
      <t>デンキ</t>
    </rPh>
    <rPh sb="2" eb="3">
      <t>カ</t>
    </rPh>
    <phoneticPr fontId="3"/>
  </si>
  <si>
    <t>県立横須賀工業</t>
    <rPh sb="0" eb="2">
      <t>ケンリツ</t>
    </rPh>
    <rPh sb="2" eb="5">
      <t>ヨコスカ</t>
    </rPh>
    <rPh sb="5" eb="7">
      <t>コウギョウ</t>
    </rPh>
    <phoneticPr fontId="5"/>
  </si>
  <si>
    <t>建設科</t>
    <rPh sb="0" eb="2">
      <t>ケンセツ</t>
    </rPh>
    <rPh sb="2" eb="3">
      <t>カ</t>
    </rPh>
    <phoneticPr fontId="5"/>
  </si>
  <si>
    <t>県立平塚工科</t>
    <rPh sb="0" eb="2">
      <t>ケンリツ</t>
    </rPh>
    <rPh sb="2" eb="4">
      <t>ヒラツカ</t>
    </rPh>
    <rPh sb="4" eb="6">
      <t>コウカ</t>
    </rPh>
    <phoneticPr fontId="5"/>
  </si>
  <si>
    <t>県立藤沢工科</t>
    <rPh sb="0" eb="2">
      <t>ケンリツ</t>
    </rPh>
    <rPh sb="2" eb="4">
      <t>フジサワ</t>
    </rPh>
    <rPh sb="4" eb="6">
      <t>コウカ</t>
    </rPh>
    <phoneticPr fontId="5"/>
  </si>
  <si>
    <t>県立小田原北</t>
    <rPh sb="0" eb="2">
      <t>ケンリツ</t>
    </rPh>
    <rPh sb="2" eb="5">
      <t>オダワラ</t>
    </rPh>
    <rPh sb="5" eb="6">
      <t>キタ</t>
    </rPh>
    <phoneticPr fontId="5"/>
  </si>
  <si>
    <t>電気科</t>
    <rPh sb="0" eb="2">
      <t>デンキ</t>
    </rPh>
    <rPh sb="2" eb="3">
      <t>カ</t>
    </rPh>
    <phoneticPr fontId="5"/>
  </si>
  <si>
    <t>川崎市立川崎総合科学</t>
    <rPh sb="0" eb="2">
      <t>カワサキ</t>
    </rPh>
    <rPh sb="2" eb="4">
      <t>ヨコハマイチリツ</t>
    </rPh>
    <rPh sb="4" eb="6">
      <t>カワサキ</t>
    </rPh>
    <rPh sb="6" eb="8">
      <t>ソウゴウ</t>
    </rPh>
    <rPh sb="8" eb="10">
      <t>カガク</t>
    </rPh>
    <phoneticPr fontId="5"/>
  </si>
  <si>
    <t>情報工学科</t>
    <rPh sb="0" eb="2">
      <t>ジョウホウ</t>
    </rPh>
    <rPh sb="2" eb="5">
      <t>コウガクカ</t>
    </rPh>
    <phoneticPr fontId="5"/>
  </si>
  <si>
    <t>総合電気科</t>
    <rPh sb="0" eb="2">
      <t>ソウゴウ</t>
    </rPh>
    <rPh sb="2" eb="5">
      <t>デンキカ</t>
    </rPh>
    <phoneticPr fontId="5"/>
  </si>
  <si>
    <t>電子機械科</t>
    <rPh sb="0" eb="2">
      <t>デンシ</t>
    </rPh>
    <rPh sb="2" eb="5">
      <t>キカイカ</t>
    </rPh>
    <phoneticPr fontId="5"/>
  </si>
  <si>
    <t>建設工学科</t>
    <rPh sb="0" eb="2">
      <t>ケンセツ</t>
    </rPh>
    <rPh sb="2" eb="5">
      <t>コウガクカ</t>
    </rPh>
    <phoneticPr fontId="5"/>
  </si>
  <si>
    <t>※　県立小田原北高等学校（機械科、電気科、建設科及びデザイン科）の前年度競争率は、県立小田原城北工業高等学校（機械科、電気科、
　建設科及びデザイン科）の前年度競争率です。</t>
    <phoneticPr fontId="5"/>
  </si>
  <si>
    <t>専門学科（商業に関する学科）</t>
    <rPh sb="5" eb="6">
      <t>ショウ</t>
    </rPh>
    <rPh sb="6" eb="7">
      <t>ノウギョウ</t>
    </rPh>
    <rPh sb="8" eb="9">
      <t>カン</t>
    </rPh>
    <rPh sb="11" eb="13">
      <t>ガッカ</t>
    </rPh>
    <phoneticPr fontId="5"/>
  </si>
  <si>
    <t>総合ビジネス科</t>
    <rPh sb="0" eb="2">
      <t>ソウゴウ</t>
    </rPh>
    <rPh sb="6" eb="7">
      <t>カ</t>
    </rPh>
    <phoneticPr fontId="5"/>
  </si>
  <si>
    <t>横浜市立横浜商業</t>
    <rPh sb="0" eb="4">
      <t>ヨコハマイチリツ</t>
    </rPh>
    <rPh sb="4" eb="6">
      <t>ヨコハマ</t>
    </rPh>
    <rPh sb="6" eb="8">
      <t>ショウギョウ</t>
    </rPh>
    <phoneticPr fontId="5"/>
  </si>
  <si>
    <t>商業科</t>
    <rPh sb="0" eb="3">
      <t>ショウギョウカ</t>
    </rPh>
    <phoneticPr fontId="5"/>
  </si>
  <si>
    <t>スポーツマネジメント科</t>
    <rPh sb="10" eb="11">
      <t>カ</t>
    </rPh>
    <phoneticPr fontId="5"/>
  </si>
  <si>
    <t>川崎市立幸</t>
    <rPh sb="0" eb="3">
      <t>カワサキシ</t>
    </rPh>
    <rPh sb="3" eb="4">
      <t>ケンリツ</t>
    </rPh>
    <rPh sb="4" eb="5">
      <t>サイワ</t>
    </rPh>
    <phoneticPr fontId="5"/>
  </si>
  <si>
    <t>ビジネス教養科</t>
    <rPh sb="4" eb="6">
      <t>キョウヨウ</t>
    </rPh>
    <rPh sb="6" eb="7">
      <t>カ</t>
    </rPh>
    <phoneticPr fontId="5"/>
  </si>
  <si>
    <t>専門学科（水産に関する学科）</t>
    <rPh sb="5" eb="7">
      <t>スイサン</t>
    </rPh>
    <rPh sb="8" eb="9">
      <t>カン</t>
    </rPh>
    <rPh sb="11" eb="13">
      <t>ガッカ</t>
    </rPh>
    <phoneticPr fontId="5"/>
  </si>
  <si>
    <t>県立海洋科学</t>
    <rPh sb="0" eb="2">
      <t>ケンリツ</t>
    </rPh>
    <rPh sb="2" eb="4">
      <t>カイヨウ</t>
    </rPh>
    <rPh sb="4" eb="6">
      <t>カガク</t>
    </rPh>
    <phoneticPr fontId="5"/>
  </si>
  <si>
    <t>船舶運航科</t>
    <rPh sb="0" eb="2">
      <t>センパク</t>
    </rPh>
    <rPh sb="2" eb="4">
      <t>ウンコウ</t>
    </rPh>
    <rPh sb="4" eb="5">
      <t>カ</t>
    </rPh>
    <phoneticPr fontId="3"/>
  </si>
  <si>
    <t>水産食品科</t>
    <rPh sb="0" eb="2">
      <t>スイサン</t>
    </rPh>
    <rPh sb="2" eb="4">
      <t>ショクヒン</t>
    </rPh>
    <rPh sb="4" eb="5">
      <t>カ</t>
    </rPh>
    <phoneticPr fontId="3"/>
  </si>
  <si>
    <t>無線技術科</t>
    <rPh sb="0" eb="2">
      <t>ムセン</t>
    </rPh>
    <rPh sb="2" eb="4">
      <t>ギジュツ</t>
    </rPh>
    <rPh sb="4" eb="5">
      <t>カ</t>
    </rPh>
    <phoneticPr fontId="3"/>
  </si>
  <si>
    <t>生物環境科</t>
    <rPh sb="0" eb="2">
      <t>セイブツ</t>
    </rPh>
    <rPh sb="2" eb="4">
      <t>カンキョウ</t>
    </rPh>
    <rPh sb="4" eb="5">
      <t>カ</t>
    </rPh>
    <phoneticPr fontId="3"/>
  </si>
  <si>
    <t>専門学科（家庭に関する学科）</t>
    <rPh sb="5" eb="7">
      <t>カテイ</t>
    </rPh>
    <rPh sb="8" eb="9">
      <t>カン</t>
    </rPh>
    <rPh sb="11" eb="13">
      <t>ガッカ</t>
    </rPh>
    <phoneticPr fontId="5"/>
  </si>
  <si>
    <t>川崎市立川崎</t>
    <rPh sb="0" eb="2">
      <t>カワサキ</t>
    </rPh>
    <rPh sb="2" eb="4">
      <t>イチリツ</t>
    </rPh>
    <rPh sb="4" eb="6">
      <t>カワサキ</t>
    </rPh>
    <phoneticPr fontId="5"/>
  </si>
  <si>
    <t>生活科学科</t>
    <rPh sb="0" eb="2">
      <t>セイカツ</t>
    </rPh>
    <rPh sb="2" eb="3">
      <t>カ</t>
    </rPh>
    <rPh sb="3" eb="5">
      <t>カガクカ</t>
    </rPh>
    <phoneticPr fontId="5"/>
  </si>
  <si>
    <t>専門学科（福祉に関する学科）</t>
    <rPh sb="5" eb="7">
      <t>フクシ</t>
    </rPh>
    <rPh sb="8" eb="9">
      <t>カン</t>
    </rPh>
    <rPh sb="11" eb="13">
      <t>ガッカ</t>
    </rPh>
    <phoneticPr fontId="5"/>
  </si>
  <si>
    <t>県立二俣川</t>
    <rPh sb="0" eb="2">
      <t>ケンリツ</t>
    </rPh>
    <rPh sb="2" eb="5">
      <t>フタマタガワ</t>
    </rPh>
    <phoneticPr fontId="5"/>
  </si>
  <si>
    <t>福祉科</t>
    <rPh sb="0" eb="3">
      <t>フクシカ</t>
    </rPh>
    <phoneticPr fontId="5"/>
  </si>
  <si>
    <t>県立横須賀南</t>
    <rPh sb="0" eb="2">
      <t>ケンリツ</t>
    </rPh>
    <rPh sb="2" eb="5">
      <t>ヨコスカ</t>
    </rPh>
    <rPh sb="5" eb="6">
      <t>ミナミ</t>
    </rPh>
    <phoneticPr fontId="3"/>
  </si>
  <si>
    <t>福祉科</t>
    <rPh sb="0" eb="2">
      <t>フクシ</t>
    </rPh>
    <rPh sb="2" eb="3">
      <t>カ</t>
    </rPh>
    <phoneticPr fontId="3"/>
  </si>
  <si>
    <t>専門学科（理数に関する学科）</t>
    <rPh sb="5" eb="7">
      <t>リスウ</t>
    </rPh>
    <rPh sb="8" eb="9">
      <t>カン</t>
    </rPh>
    <rPh sb="11" eb="13">
      <t>ガッカ</t>
    </rPh>
    <phoneticPr fontId="5"/>
  </si>
  <si>
    <t>川崎市立川崎総合科学</t>
    <rPh sb="0" eb="2">
      <t>カワサキ</t>
    </rPh>
    <rPh sb="2" eb="4">
      <t>イチリツ</t>
    </rPh>
    <rPh sb="4" eb="6">
      <t>カワサキ</t>
    </rPh>
    <rPh sb="6" eb="8">
      <t>ソウゴウ</t>
    </rPh>
    <rPh sb="8" eb="10">
      <t>カガク</t>
    </rPh>
    <phoneticPr fontId="5"/>
  </si>
  <si>
    <t>科学科</t>
    <rPh sb="0" eb="2">
      <t>カガク</t>
    </rPh>
    <rPh sb="2" eb="3">
      <t>カガクカ</t>
    </rPh>
    <phoneticPr fontId="5"/>
  </si>
  <si>
    <t>専門学科（体育に関する学科）</t>
    <rPh sb="5" eb="7">
      <t>タイイク</t>
    </rPh>
    <rPh sb="8" eb="9">
      <t>カン</t>
    </rPh>
    <rPh sb="11" eb="13">
      <t>ガッカ</t>
    </rPh>
    <phoneticPr fontId="5"/>
  </si>
  <si>
    <t>スポーツ科学科</t>
    <rPh sb="4" eb="6">
      <t>カガク</t>
    </rPh>
    <rPh sb="6" eb="7">
      <t>カ</t>
    </rPh>
    <phoneticPr fontId="5"/>
  </si>
  <si>
    <t>川崎市立橘</t>
    <rPh sb="0" eb="2">
      <t>カワサキ</t>
    </rPh>
    <rPh sb="2" eb="4">
      <t>イチリツ</t>
    </rPh>
    <rPh sb="4" eb="5">
      <t>タチバナ</t>
    </rPh>
    <phoneticPr fontId="5"/>
  </si>
  <si>
    <t>スポーツ科</t>
    <rPh sb="4" eb="5">
      <t>カガクカ</t>
    </rPh>
    <phoneticPr fontId="5"/>
  </si>
  <si>
    <t>専門学科（美術に関する学科）</t>
    <rPh sb="5" eb="7">
      <t>ビジュツ</t>
    </rPh>
    <rPh sb="8" eb="9">
      <t>カン</t>
    </rPh>
    <rPh sb="11" eb="13">
      <t>ガッカ</t>
    </rPh>
    <phoneticPr fontId="5"/>
  </si>
  <si>
    <t>美術科</t>
    <rPh sb="0" eb="2">
      <t>ビジュツ</t>
    </rPh>
    <rPh sb="2" eb="3">
      <t>カ</t>
    </rPh>
    <phoneticPr fontId="5"/>
  </si>
  <si>
    <t>専門学科（国際に関する学科）</t>
    <rPh sb="5" eb="7">
      <t>コクサイ</t>
    </rPh>
    <rPh sb="8" eb="9">
      <t>カン</t>
    </rPh>
    <rPh sb="11" eb="13">
      <t>ガッカ</t>
    </rPh>
    <phoneticPr fontId="5"/>
  </si>
  <si>
    <t>国際科</t>
    <rPh sb="0" eb="3">
      <t>コクサイカ</t>
    </rPh>
    <phoneticPr fontId="5"/>
  </si>
  <si>
    <t>令和８年度神奈川県公立高等学校入学者選抜一般募集共通選抜等学力検査等受検状況（各学校別の受検の状況等）</t>
    <rPh sb="0" eb="2">
      <t>レイワ</t>
    </rPh>
    <rPh sb="3" eb="5">
      <t>ネンド</t>
    </rPh>
    <rPh sb="5" eb="20">
      <t>カナガワケンコウリツコウトウガッコウニュウガクシャセンバツ</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2">
    <numFmt numFmtId="176" formatCode="0.00_);[Red]\(0.00\)"/>
    <numFmt numFmtId="177" formatCode="0_);[Red]\(0\)"/>
    <numFmt numFmtId="178" formatCode="0_ "/>
    <numFmt numFmtId="179" formatCode="#,##0_);[Red]\(#,##0\)"/>
    <numFmt numFmtId="180" formatCode="#,##0.00_ "/>
    <numFmt numFmtId="181" formatCode="#,##0.00_ ;[Red]\-#,##0.00\ "/>
    <numFmt numFmtId="182" formatCode="#,##0.00_);[Red]\(#,##0.00\)"/>
    <numFmt numFmtId="183" formatCode="0.00_ "/>
    <numFmt numFmtId="184" formatCode="#,##0_ "/>
    <numFmt numFmtId="185" formatCode="0_ ;[Red]\-0\ "/>
    <numFmt numFmtId="186" formatCode="0.00_ ;[Red]\-0.00\ "/>
    <numFmt numFmtId="187" formatCode="#,##0_ ;[Red]\-#,##0\ "/>
  </numFmts>
  <fonts count="22" x14ac:knownFonts="1">
    <font>
      <sz val="12"/>
      <name val="ＭＳ 明朝"/>
      <family val="1"/>
      <charset val="128"/>
    </font>
    <font>
      <sz val="11"/>
      <name val="ＭＳ 明朝"/>
      <family val="1"/>
      <charset val="128"/>
    </font>
    <font>
      <sz val="12"/>
      <name val="ＭＳ Ｐ明朝"/>
      <family val="1"/>
      <charset val="128"/>
    </font>
    <font>
      <sz val="11"/>
      <color indexed="8"/>
      <name val="ＭＳ Ｐゴシック"/>
      <family val="3"/>
      <charset val="128"/>
    </font>
    <font>
      <sz val="11"/>
      <name val="ＭＳ Ｐ明朝"/>
      <family val="1"/>
      <charset val="128"/>
    </font>
    <font>
      <sz val="6"/>
      <name val="ＭＳ 明朝"/>
      <family val="1"/>
      <charset val="128"/>
    </font>
    <font>
      <sz val="12"/>
      <name val="ＭＳ 明朝"/>
      <family val="1"/>
      <charset val="128"/>
    </font>
    <font>
      <sz val="6"/>
      <name val="ＭＳ Ｐ明朝"/>
      <family val="1"/>
      <charset val="128"/>
    </font>
    <font>
      <sz val="11"/>
      <color theme="1"/>
      <name val="ＭＳ Ｐ明朝"/>
      <family val="1"/>
      <charset val="128"/>
    </font>
    <font>
      <sz val="11"/>
      <name val="ＭＳ Ｐゴシック"/>
      <family val="3"/>
      <charset val="128"/>
    </font>
    <font>
      <sz val="9"/>
      <name val="ＭＳ Ｐ明朝"/>
      <family val="1"/>
      <charset val="128"/>
    </font>
    <font>
      <b/>
      <sz val="11"/>
      <name val="ＭＳ Ｐ明朝"/>
      <family val="1"/>
      <charset val="128"/>
    </font>
    <font>
      <b/>
      <sz val="11"/>
      <color theme="1"/>
      <name val="ＭＳ Ｐ明朝"/>
      <family val="1"/>
      <charset val="128"/>
    </font>
    <font>
      <sz val="10"/>
      <name val="ＭＳ Ｐ明朝"/>
      <family val="1"/>
      <charset val="128"/>
    </font>
    <font>
      <b/>
      <sz val="14"/>
      <name val="ＭＳ Ｐ明朝"/>
      <family val="1"/>
      <charset val="128"/>
    </font>
    <font>
      <sz val="11"/>
      <color indexed="60"/>
      <name val="ＭＳ Ｐゴシック"/>
      <family val="3"/>
      <charset val="128"/>
    </font>
    <font>
      <b/>
      <sz val="18"/>
      <color indexed="56"/>
      <name val="ＭＳ Ｐゴシック"/>
      <family val="3"/>
      <charset val="128"/>
    </font>
    <font>
      <sz val="8"/>
      <color theme="1"/>
      <name val="ＭＳ Ｐ明朝"/>
      <family val="1"/>
      <charset val="128"/>
    </font>
    <font>
      <b/>
      <sz val="10"/>
      <name val="ＭＳ Ｐ明朝"/>
      <family val="1"/>
      <charset val="128"/>
    </font>
    <font>
      <sz val="8"/>
      <name val="ＭＳ Ｐ明朝"/>
      <family val="1"/>
      <charset val="128"/>
    </font>
    <font>
      <sz val="10"/>
      <name val="ＭＳ 明朝"/>
      <family val="1"/>
      <charset val="128"/>
    </font>
    <font>
      <sz val="9"/>
      <color theme="1"/>
      <name val="ＭＳ Ｐ明朝"/>
      <family val="1"/>
      <charset val="128"/>
    </font>
  </fonts>
  <fills count="2">
    <fill>
      <patternFill patternType="none"/>
    </fill>
    <fill>
      <patternFill patternType="gray125"/>
    </fill>
  </fills>
  <borders count="43">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bottom style="thin">
        <color indexed="64"/>
      </bottom>
      <diagonal/>
    </border>
    <border>
      <left/>
      <right/>
      <top style="thin">
        <color indexed="64"/>
      </top>
      <bottom/>
      <diagonal/>
    </border>
    <border>
      <left/>
      <right style="thin">
        <color indexed="64"/>
      </right>
      <top/>
      <bottom style="thin">
        <color indexed="64"/>
      </bottom>
      <diagonal/>
    </border>
    <border>
      <left style="thin">
        <color indexed="64"/>
      </left>
      <right style="hair">
        <color indexed="64"/>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hair">
        <color indexed="64"/>
      </right>
      <top/>
      <bottom/>
      <diagonal/>
    </border>
    <border>
      <left style="hair">
        <color indexed="64"/>
      </left>
      <right style="hair">
        <color indexed="64"/>
      </right>
      <top style="hair">
        <color indexed="64"/>
      </top>
      <bottom/>
      <diagonal/>
    </border>
    <border>
      <left style="hair">
        <color indexed="64"/>
      </left>
      <right/>
      <top style="hair">
        <color indexed="64"/>
      </top>
      <bottom/>
      <diagonal/>
    </border>
    <border>
      <left/>
      <right style="hair">
        <color indexed="64"/>
      </right>
      <top style="hair">
        <color indexed="64"/>
      </top>
      <bottom/>
      <diagonal/>
    </border>
    <border>
      <left style="hair">
        <color indexed="64"/>
      </left>
      <right style="thin">
        <color indexed="64"/>
      </right>
      <top/>
      <bottom/>
      <diagonal/>
    </border>
    <border>
      <left style="hair">
        <color indexed="64"/>
      </left>
      <right/>
      <top/>
      <bottom/>
      <diagonal/>
    </border>
    <border>
      <left/>
      <right style="hair">
        <color indexed="64"/>
      </right>
      <top/>
      <bottom/>
      <diagonal/>
    </border>
    <border>
      <left style="hair">
        <color indexed="64"/>
      </left>
      <right style="hair">
        <color indexed="64"/>
      </right>
      <top/>
      <bottom/>
      <diagonal/>
    </border>
    <border>
      <left style="thin">
        <color indexed="64"/>
      </left>
      <right style="hair">
        <color indexed="64"/>
      </right>
      <top/>
      <bottom style="thin">
        <color indexed="64"/>
      </bottom>
      <diagonal/>
    </border>
    <border>
      <left style="hair">
        <color indexed="64"/>
      </left>
      <right/>
      <top/>
      <bottom style="thin">
        <color indexed="64"/>
      </bottom>
      <diagonal/>
    </border>
    <border>
      <left style="hair">
        <color indexed="64"/>
      </left>
      <right style="hair">
        <color indexed="64"/>
      </right>
      <top/>
      <bottom style="thin">
        <color indexed="64"/>
      </bottom>
      <diagonal/>
    </border>
    <border>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style="thin">
        <color indexed="64"/>
      </top>
      <bottom/>
      <diagonal/>
    </border>
    <border>
      <left/>
      <right style="hair">
        <color indexed="64"/>
      </right>
      <top style="thin">
        <color indexed="64"/>
      </top>
      <bottom/>
      <diagonal/>
    </border>
    <border>
      <left/>
      <right style="thin">
        <color indexed="64"/>
      </right>
      <top/>
      <bottom/>
      <diagonal/>
    </border>
    <border>
      <left style="thin">
        <color indexed="64"/>
      </left>
      <right style="hair">
        <color indexed="64"/>
      </right>
      <top/>
      <bottom style="hair">
        <color indexed="64"/>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right style="thin">
        <color indexed="64"/>
      </right>
      <top/>
      <bottom style="hair">
        <color indexed="64"/>
      </bottom>
      <diagonal/>
    </border>
    <border>
      <left style="thin">
        <color indexed="64"/>
      </left>
      <right style="hair">
        <color indexed="64"/>
      </right>
      <top style="hair">
        <color indexed="64"/>
      </top>
      <bottom/>
      <diagonal/>
    </border>
    <border>
      <left/>
      <right/>
      <top style="hair">
        <color indexed="64"/>
      </top>
      <bottom/>
      <diagonal/>
    </border>
    <border>
      <left/>
      <right style="thin">
        <color indexed="64"/>
      </right>
      <top style="hair">
        <color indexed="64"/>
      </top>
      <bottom/>
      <diagonal/>
    </border>
    <border>
      <left style="hair">
        <color indexed="64"/>
      </left>
      <right style="thin">
        <color indexed="64"/>
      </right>
      <top style="thin">
        <color indexed="64"/>
      </top>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diagonal/>
    </border>
    <border>
      <left style="thin">
        <color indexed="64"/>
      </left>
      <right/>
      <top style="thin">
        <color indexed="64"/>
      </top>
      <bottom/>
      <diagonal/>
    </border>
    <border>
      <left style="thin">
        <color indexed="64"/>
      </left>
      <right/>
      <top/>
      <bottom style="hair">
        <color indexed="64"/>
      </bottom>
      <diagonal/>
    </border>
    <border>
      <left/>
      <right/>
      <top style="thin">
        <color indexed="64"/>
      </top>
      <bottom style="hair">
        <color indexed="64"/>
      </bottom>
      <diagonal/>
    </border>
  </borders>
  <cellStyleXfs count="6">
    <xf numFmtId="0" fontId="0" fillId="0" borderId="0">
      <alignment vertical="center"/>
    </xf>
    <xf numFmtId="38" fontId="6" fillId="0" borderId="0" applyFont="0" applyFill="0" applyBorder="0" applyAlignment="0" applyProtection="0">
      <alignment vertical="center"/>
    </xf>
    <xf numFmtId="0" fontId="1" fillId="0" borderId="0"/>
    <xf numFmtId="38" fontId="9" fillId="0" borderId="0" applyFont="0" applyFill="0" applyBorder="0" applyAlignment="0" applyProtection="0"/>
    <xf numFmtId="0" fontId="1" fillId="0" borderId="0"/>
    <xf numFmtId="0" fontId="1" fillId="0" borderId="0"/>
  </cellStyleXfs>
  <cellXfs count="684">
    <xf numFmtId="0" fontId="0" fillId="0" borderId="0" xfId="0">
      <alignment vertical="center"/>
    </xf>
    <xf numFmtId="0" fontId="4" fillId="0" borderId="0" xfId="2" applyFont="1" applyAlignment="1">
      <alignment horizontal="center" vertical="center"/>
    </xf>
    <xf numFmtId="0" fontId="4" fillId="0" borderId="0" xfId="2" applyFont="1" applyAlignment="1">
      <alignment vertical="center"/>
    </xf>
    <xf numFmtId="179" fontId="4" fillId="0" borderId="0" xfId="1" applyNumberFormat="1" applyFont="1" applyFill="1" applyAlignment="1">
      <alignment vertical="center"/>
    </xf>
    <xf numFmtId="179" fontId="4" fillId="0" borderId="0" xfId="2" applyNumberFormat="1" applyFont="1" applyAlignment="1">
      <alignment vertical="center"/>
    </xf>
    <xf numFmtId="179" fontId="2" fillId="0" borderId="1" xfId="2" applyNumberFormat="1" applyFont="1" applyBorder="1" applyAlignment="1">
      <alignment horizontal="center" vertical="center"/>
    </xf>
    <xf numFmtId="0" fontId="2" fillId="0" borderId="0" xfId="2" applyFont="1" applyAlignment="1">
      <alignment vertical="center"/>
    </xf>
    <xf numFmtId="0" fontId="2" fillId="0" borderId="0" xfId="2" applyFont="1"/>
    <xf numFmtId="0" fontId="2" fillId="0" borderId="0" xfId="2" applyFont="1" applyAlignment="1">
      <alignment horizontal="center" vertical="center"/>
    </xf>
    <xf numFmtId="0" fontId="4" fillId="0" borderId="0" xfId="0" applyFont="1" applyAlignment="1">
      <alignment horizontal="center" vertical="center"/>
    </xf>
    <xf numFmtId="0" fontId="4" fillId="0" borderId="6" xfId="2" applyFont="1" applyBorder="1" applyAlignment="1">
      <alignment horizontal="center" vertical="center" textRotation="255"/>
    </xf>
    <xf numFmtId="0" fontId="4" fillId="0" borderId="4" xfId="2" applyFont="1" applyBorder="1" applyAlignment="1">
      <alignment horizontal="center" vertical="center" textRotation="255"/>
    </xf>
    <xf numFmtId="0" fontId="4" fillId="0" borderId="4" xfId="2" applyFont="1" applyBorder="1" applyAlignment="1">
      <alignment horizontal="center" vertical="center"/>
    </xf>
    <xf numFmtId="179" fontId="4" fillId="0" borderId="4" xfId="1" applyNumberFormat="1" applyFont="1" applyFill="1" applyBorder="1" applyAlignment="1">
      <alignment horizontal="center" vertical="center"/>
    </xf>
    <xf numFmtId="0" fontId="4" fillId="0" borderId="4" xfId="2" applyFont="1" applyBorder="1" applyAlignment="1">
      <alignment vertical="center"/>
    </xf>
    <xf numFmtId="179" fontId="4" fillId="0" borderId="7" xfId="2" applyNumberFormat="1" applyFont="1" applyBorder="1" applyAlignment="1">
      <alignment horizontal="center" vertical="center"/>
    </xf>
    <xf numFmtId="0" fontId="4" fillId="0" borderId="8" xfId="2" applyFont="1" applyBorder="1" applyAlignment="1">
      <alignment vertical="center"/>
    </xf>
    <xf numFmtId="0" fontId="4" fillId="0" borderId="9" xfId="2" applyFont="1" applyBorder="1" applyAlignment="1">
      <alignment horizontal="center" vertical="center"/>
    </xf>
    <xf numFmtId="179" fontId="4" fillId="0" borderId="10" xfId="1" applyNumberFormat="1" applyFont="1" applyFill="1" applyBorder="1" applyAlignment="1">
      <alignment horizontal="center" vertical="center"/>
    </xf>
    <xf numFmtId="56" fontId="4" fillId="0" borderId="10" xfId="2" quotePrefix="1" applyNumberFormat="1" applyFont="1" applyBorder="1" applyAlignment="1">
      <alignment horizontal="center"/>
    </xf>
    <xf numFmtId="56" fontId="4" fillId="0" borderId="10" xfId="2" applyNumberFormat="1" applyFont="1" applyBorder="1" applyAlignment="1">
      <alignment horizontal="centerContinuous" vertical="center"/>
    </xf>
    <xf numFmtId="0" fontId="4" fillId="0" borderId="11" xfId="2" applyFont="1" applyBorder="1" applyAlignment="1">
      <alignment horizontal="centerContinuous" vertical="center"/>
    </xf>
    <xf numFmtId="0" fontId="4" fillId="0" borderId="12" xfId="2" applyFont="1" applyBorder="1" applyAlignment="1">
      <alignment horizontal="centerContinuous" vertical="center"/>
    </xf>
    <xf numFmtId="0" fontId="4" fillId="0" borderId="10" xfId="2" applyFont="1" applyBorder="1" applyAlignment="1">
      <alignment horizontal="center" vertical="center"/>
    </xf>
    <xf numFmtId="0" fontId="4" fillId="0" borderId="14" xfId="2" applyFont="1" applyBorder="1" applyAlignment="1">
      <alignment vertical="center"/>
    </xf>
    <xf numFmtId="0" fontId="4" fillId="0" borderId="15" xfId="2" applyFont="1" applyBorder="1" applyAlignment="1">
      <alignment vertical="center"/>
    </xf>
    <xf numFmtId="179" fontId="4" fillId="0" borderId="16" xfId="1" applyNumberFormat="1" applyFont="1" applyFill="1" applyBorder="1" applyAlignment="1">
      <alignment horizontal="center" vertical="center"/>
    </xf>
    <xf numFmtId="179" fontId="4" fillId="0" borderId="16" xfId="2" applyNumberFormat="1" applyFont="1" applyBorder="1" applyAlignment="1">
      <alignment horizontal="center" vertical="center"/>
    </xf>
    <xf numFmtId="0" fontId="4" fillId="0" borderId="16" xfId="2" applyFont="1" applyBorder="1" applyAlignment="1">
      <alignment horizontal="centerContinuous" vertical="center"/>
    </xf>
    <xf numFmtId="0" fontId="4" fillId="0" borderId="14" xfId="2" applyFont="1" applyBorder="1" applyAlignment="1">
      <alignment horizontal="centerContinuous" vertical="center"/>
    </xf>
    <xf numFmtId="0" fontId="4" fillId="0" borderId="15" xfId="2" applyFont="1" applyBorder="1" applyAlignment="1">
      <alignment horizontal="centerContinuous" vertical="center"/>
    </xf>
    <xf numFmtId="0" fontId="4" fillId="0" borderId="16" xfId="2" applyFont="1" applyBorder="1" applyAlignment="1">
      <alignment horizontal="center" vertical="center"/>
    </xf>
    <xf numFmtId="0" fontId="4" fillId="0" borderId="0" xfId="2" applyFont="1" applyAlignment="1">
      <alignment horizontal="centerContinuous" vertical="center"/>
    </xf>
    <xf numFmtId="0" fontId="4" fillId="0" borderId="15" xfId="2" applyFont="1" applyBorder="1" applyAlignment="1">
      <alignment horizontal="center" vertical="center"/>
    </xf>
    <xf numFmtId="0" fontId="4" fillId="0" borderId="17" xfId="2" applyFont="1" applyBorder="1" applyAlignment="1">
      <alignment horizontal="center" vertical="center" textRotation="255"/>
    </xf>
    <xf numFmtId="0" fontId="4" fillId="0" borderId="18" xfId="2" applyFont="1" applyBorder="1" applyAlignment="1">
      <alignment horizontal="center" vertical="center" textRotation="255"/>
    </xf>
    <xf numFmtId="0" fontId="4" fillId="0" borderId="2" xfId="2" applyFont="1" applyBorder="1" applyAlignment="1">
      <alignment horizontal="center" vertical="center"/>
    </xf>
    <xf numFmtId="179" fontId="4" fillId="0" borderId="19" xfId="1" applyNumberFormat="1" applyFont="1" applyFill="1" applyBorder="1" applyAlignment="1">
      <alignment horizontal="center" vertical="center"/>
    </xf>
    <xf numFmtId="0" fontId="4" fillId="0" borderId="19" xfId="2" applyFont="1" applyBorder="1" applyAlignment="1">
      <alignment vertical="center"/>
    </xf>
    <xf numFmtId="0" fontId="4" fillId="0" borderId="18" xfId="2" applyFont="1" applyBorder="1" applyAlignment="1">
      <alignment horizontal="center" vertical="center"/>
    </xf>
    <xf numFmtId="0" fontId="4" fillId="0" borderId="20" xfId="2" applyFont="1" applyBorder="1" applyAlignment="1">
      <alignment horizontal="center" vertical="center"/>
    </xf>
    <xf numFmtId="0" fontId="4" fillId="0" borderId="19" xfId="2" applyFont="1" applyBorder="1" applyAlignment="1">
      <alignment horizontal="center" vertical="center"/>
    </xf>
    <xf numFmtId="179" fontId="4" fillId="0" borderId="21" xfId="2" applyNumberFormat="1" applyFont="1" applyBorder="1" applyAlignment="1">
      <alignment horizontal="center" vertical="center"/>
    </xf>
    <xf numFmtId="0" fontId="4" fillId="0" borderId="14" xfId="2" applyFont="1" applyBorder="1" applyAlignment="1">
      <alignment horizontal="center" vertical="center" textRotation="255"/>
    </xf>
    <xf numFmtId="179" fontId="4" fillId="0" borderId="22" xfId="1" applyNumberFormat="1" applyFont="1" applyFill="1" applyBorder="1" applyAlignment="1">
      <alignment horizontal="center" vertical="center"/>
    </xf>
    <xf numFmtId="0" fontId="4" fillId="0" borderId="23" xfId="2" applyFont="1" applyBorder="1" applyAlignment="1">
      <alignment horizontal="center" vertical="center"/>
    </xf>
    <xf numFmtId="179" fontId="4" fillId="0" borderId="24" xfId="2" applyNumberFormat="1" applyFont="1" applyBorder="1" applyAlignment="1">
      <alignment horizontal="center" vertical="center"/>
    </xf>
    <xf numFmtId="0" fontId="4" fillId="0" borderId="14" xfId="2" applyFont="1" applyBorder="1" applyAlignment="1">
      <alignment horizontal="center" vertical="center" textRotation="255" wrapText="1"/>
    </xf>
    <xf numFmtId="0" fontId="4" fillId="0" borderId="0" xfId="2" applyFont="1" applyAlignment="1">
      <alignment vertical="top"/>
    </xf>
    <xf numFmtId="179" fontId="8" fillId="0" borderId="14" xfId="3" applyNumberFormat="1" applyFont="1" applyFill="1" applyBorder="1" applyAlignment="1">
      <alignment vertical="top"/>
    </xf>
    <xf numFmtId="179" fontId="4" fillId="0" borderId="0" xfId="2" applyNumberFormat="1" applyFont="1" applyAlignment="1">
      <alignment vertical="top"/>
    </xf>
    <xf numFmtId="180" fontId="4" fillId="0" borderId="15" xfId="4" applyNumberFormat="1" applyFont="1" applyBorder="1" applyAlignment="1">
      <alignment vertical="top"/>
    </xf>
    <xf numFmtId="181" fontId="4" fillId="0" borderId="24" xfId="2" applyNumberFormat="1" applyFont="1" applyBorder="1" applyAlignment="1">
      <alignment vertical="top"/>
    </xf>
    <xf numFmtId="0" fontId="4" fillId="0" borderId="14" xfId="2" applyFont="1" applyBorder="1" applyAlignment="1">
      <alignment horizontal="center"/>
    </xf>
    <xf numFmtId="0" fontId="4" fillId="0" borderId="26" xfId="2" applyFont="1" applyBorder="1" applyAlignment="1">
      <alignment horizontal="center" vertical="center" textRotation="255"/>
    </xf>
    <xf numFmtId="0" fontId="4" fillId="0" borderId="27" xfId="2" applyFont="1" applyBorder="1" applyAlignment="1">
      <alignment horizontal="center" vertical="center"/>
    </xf>
    <xf numFmtId="179" fontId="8" fillId="0" borderId="26" xfId="3" applyNumberFormat="1" applyFont="1" applyFill="1" applyBorder="1" applyAlignment="1">
      <alignment horizontal="center" vertical="center"/>
    </xf>
    <xf numFmtId="0" fontId="4" fillId="0" borderId="27" xfId="2" applyFont="1" applyBorder="1" applyAlignment="1">
      <alignment vertical="center"/>
    </xf>
    <xf numFmtId="0" fontId="4" fillId="0" borderId="28" xfId="2" applyFont="1" applyBorder="1" applyAlignment="1">
      <alignment horizontal="center" vertical="center"/>
    </xf>
    <xf numFmtId="181" fontId="4" fillId="0" borderId="29" xfId="2" applyNumberFormat="1" applyFont="1" applyBorder="1" applyAlignment="1">
      <alignment horizontal="center" vertical="center"/>
    </xf>
    <xf numFmtId="0" fontId="4" fillId="0" borderId="11" xfId="2" applyFont="1" applyBorder="1" applyAlignment="1">
      <alignment horizontal="center" vertical="center" textRotation="255"/>
    </xf>
    <xf numFmtId="0" fontId="4" fillId="0" borderId="31" xfId="2" applyFont="1" applyBorder="1" applyAlignment="1">
      <alignment horizontal="center" vertical="center"/>
    </xf>
    <xf numFmtId="179" fontId="8" fillId="0" borderId="11" xfId="3" applyNumberFormat="1" applyFont="1" applyFill="1" applyBorder="1" applyAlignment="1">
      <alignment horizontal="center" vertical="center"/>
    </xf>
    <xf numFmtId="0" fontId="4" fillId="0" borderId="31" xfId="2" applyFont="1" applyBorder="1" applyAlignment="1">
      <alignment vertical="center"/>
    </xf>
    <xf numFmtId="0" fontId="4" fillId="0" borderId="12" xfId="2" applyFont="1" applyBorder="1" applyAlignment="1">
      <alignment horizontal="center" vertical="center"/>
    </xf>
    <xf numFmtId="181" fontId="4" fillId="0" borderId="32" xfId="2" applyNumberFormat="1" applyFont="1" applyBorder="1" applyAlignment="1">
      <alignment horizontal="center" vertical="center"/>
    </xf>
    <xf numFmtId="0" fontId="4" fillId="0" borderId="14" xfId="2" applyFont="1" applyBorder="1" applyAlignment="1">
      <alignment horizontal="center" vertical="center" wrapText="1"/>
    </xf>
    <xf numFmtId="0" fontId="8" fillId="0" borderId="0" xfId="0" applyFont="1" applyAlignment="1">
      <alignment vertical="top"/>
    </xf>
    <xf numFmtId="181" fontId="4" fillId="0" borderId="24" xfId="2" applyNumberFormat="1" applyFont="1" applyBorder="1" applyAlignment="1">
      <alignment horizontal="right" vertical="top"/>
    </xf>
    <xf numFmtId="0" fontId="4" fillId="0" borderId="0" xfId="2" applyFont="1" applyAlignment="1">
      <alignment horizontal="left" vertical="top"/>
    </xf>
    <xf numFmtId="179" fontId="4" fillId="0" borderId="18" xfId="1" applyNumberFormat="1" applyFont="1" applyFill="1" applyBorder="1" applyAlignment="1">
      <alignment horizontal="center" vertical="center"/>
    </xf>
    <xf numFmtId="0" fontId="4" fillId="0" borderId="2" xfId="2" applyFont="1" applyBorder="1" applyAlignment="1">
      <alignment vertical="center"/>
    </xf>
    <xf numFmtId="181" fontId="4" fillId="0" borderId="5" xfId="2" applyNumberFormat="1" applyFont="1" applyBorder="1" applyAlignment="1">
      <alignment horizontal="center" vertical="center"/>
    </xf>
    <xf numFmtId="0" fontId="10" fillId="0" borderId="0" xfId="2" applyFont="1" applyAlignment="1">
      <alignment horizontal="left" vertical="distributed" wrapText="1"/>
    </xf>
    <xf numFmtId="0" fontId="4" fillId="0" borderId="22" xfId="2" applyFont="1" applyBorder="1" applyAlignment="1">
      <alignment horizontal="center" vertical="center" textRotation="255"/>
    </xf>
    <xf numFmtId="181" fontId="4" fillId="0" borderId="33" xfId="2" applyNumberFormat="1" applyFont="1" applyBorder="1" applyAlignment="1">
      <alignment horizontal="center" vertical="center"/>
    </xf>
    <xf numFmtId="180" fontId="4" fillId="0" borderId="13" xfId="2" applyNumberFormat="1" applyFont="1" applyBorder="1" applyAlignment="1">
      <alignment vertical="center"/>
    </xf>
    <xf numFmtId="0" fontId="8" fillId="0" borderId="27" xfId="0" applyFont="1" applyBorder="1" applyAlignment="1">
      <alignment horizontal="center" vertical="center"/>
    </xf>
    <xf numFmtId="181" fontId="4" fillId="0" borderId="34" xfId="2" applyNumberFormat="1" applyFont="1" applyBorder="1" applyAlignment="1">
      <alignment horizontal="center" vertical="center"/>
    </xf>
    <xf numFmtId="0" fontId="8" fillId="0" borderId="31" xfId="0" applyFont="1" applyBorder="1" applyAlignment="1">
      <alignment horizontal="center" vertical="center"/>
    </xf>
    <xf numFmtId="0" fontId="8" fillId="0" borderId="0" xfId="0" applyFont="1" applyAlignment="1">
      <alignment horizontal="left" vertical="top"/>
    </xf>
    <xf numFmtId="179" fontId="4" fillId="0" borderId="27" xfId="2" applyNumberFormat="1" applyFont="1" applyBorder="1" applyAlignment="1">
      <alignment vertical="top"/>
    </xf>
    <xf numFmtId="0" fontId="4" fillId="0" borderId="27" xfId="2" applyFont="1" applyBorder="1" applyAlignment="1">
      <alignment vertical="top"/>
    </xf>
    <xf numFmtId="0" fontId="8" fillId="0" borderId="0" xfId="0" applyFont="1" applyAlignment="1">
      <alignment horizontal="left" vertical="center" wrapText="1"/>
    </xf>
    <xf numFmtId="179" fontId="8" fillId="0" borderId="14" xfId="3" applyNumberFormat="1" applyFont="1" applyFill="1" applyBorder="1" applyAlignment="1">
      <alignment horizontal="right" vertical="center"/>
    </xf>
    <xf numFmtId="0" fontId="8" fillId="0" borderId="0" xfId="0" applyFont="1" applyAlignment="1">
      <alignment horizontal="center" vertical="center"/>
    </xf>
    <xf numFmtId="179" fontId="8" fillId="0" borderId="14" xfId="3" applyNumberFormat="1" applyFont="1" applyFill="1" applyBorder="1" applyAlignment="1">
      <alignment horizontal="center" vertical="center"/>
    </xf>
    <xf numFmtId="181" fontId="4" fillId="0" borderId="24" xfId="2" applyNumberFormat="1" applyFont="1" applyBorder="1" applyAlignment="1">
      <alignment horizontal="center" vertical="center"/>
    </xf>
    <xf numFmtId="0" fontId="4" fillId="0" borderId="0" xfId="2" applyFont="1" applyAlignment="1">
      <alignment horizontal="center" vertical="distributed" textRotation="255" wrapText="1" justifyLastLine="1"/>
    </xf>
    <xf numFmtId="0" fontId="4" fillId="0" borderId="0" xfId="2" applyFont="1" applyAlignment="1">
      <alignment horizontal="center" vertical="center" textRotation="255"/>
    </xf>
    <xf numFmtId="179" fontId="4" fillId="0" borderId="0" xfId="1" applyNumberFormat="1" applyFont="1" applyFill="1" applyBorder="1" applyAlignment="1">
      <alignment horizontal="center" vertical="center"/>
    </xf>
    <xf numFmtId="181" fontId="4" fillId="0" borderId="0" xfId="2" applyNumberFormat="1" applyFont="1" applyAlignment="1">
      <alignment horizontal="center" vertical="center"/>
    </xf>
    <xf numFmtId="179" fontId="4" fillId="0" borderId="14" xfId="1" applyNumberFormat="1" applyFont="1" applyFill="1" applyBorder="1" applyAlignment="1">
      <alignment horizontal="center" vertical="center"/>
    </xf>
    <xf numFmtId="0" fontId="4" fillId="0" borderId="26" xfId="2" applyFont="1" applyBorder="1" applyAlignment="1">
      <alignment horizontal="center" vertical="center" textRotation="255" wrapText="1"/>
    </xf>
    <xf numFmtId="179" fontId="8" fillId="0" borderId="26" xfId="3" applyNumberFormat="1" applyFont="1" applyFill="1" applyBorder="1" applyAlignment="1">
      <alignment vertical="top"/>
    </xf>
    <xf numFmtId="180" fontId="4" fillId="0" borderId="28" xfId="2" applyNumberFormat="1" applyFont="1" applyBorder="1" applyAlignment="1">
      <alignment vertical="top"/>
    </xf>
    <xf numFmtId="179" fontId="4" fillId="0" borderId="29" xfId="2" applyNumberFormat="1" applyFont="1" applyBorder="1" applyAlignment="1">
      <alignment vertical="top"/>
    </xf>
    <xf numFmtId="0" fontId="4" fillId="0" borderId="35" xfId="2" applyFont="1" applyBorder="1" applyAlignment="1">
      <alignment horizontal="center" vertical="center" textRotation="255" wrapText="1"/>
    </xf>
    <xf numFmtId="0" fontId="4" fillId="0" borderId="31" xfId="2" applyFont="1" applyBorder="1" applyAlignment="1">
      <alignment horizontal="center" vertical="center" textRotation="255" wrapText="1"/>
    </xf>
    <xf numFmtId="0" fontId="4" fillId="0" borderId="31" xfId="2" applyFont="1" applyBorder="1" applyAlignment="1">
      <alignment vertical="top"/>
    </xf>
    <xf numFmtId="179" fontId="8" fillId="0" borderId="11" xfId="3" applyNumberFormat="1" applyFont="1" applyFill="1" applyBorder="1" applyAlignment="1">
      <alignment vertical="top"/>
    </xf>
    <xf numFmtId="179" fontId="4" fillId="0" borderId="31" xfId="2" applyNumberFormat="1" applyFont="1" applyBorder="1" applyAlignment="1">
      <alignment vertical="top"/>
    </xf>
    <xf numFmtId="180" fontId="4" fillId="0" borderId="12" xfId="2" applyNumberFormat="1" applyFont="1" applyBorder="1" applyAlignment="1">
      <alignment vertical="top"/>
    </xf>
    <xf numFmtId="179" fontId="4" fillId="0" borderId="32" xfId="2" applyNumberFormat="1" applyFont="1" applyBorder="1" applyAlignment="1">
      <alignment vertical="top"/>
    </xf>
    <xf numFmtId="0" fontId="11" fillId="0" borderId="8" xfId="2" applyFont="1" applyBorder="1" applyAlignment="1">
      <alignment horizontal="center" vertical="center"/>
    </xf>
    <xf numFmtId="0" fontId="11" fillId="0" borderId="0" xfId="2" applyFont="1" applyAlignment="1">
      <alignment horizontal="centerContinuous" vertical="center"/>
    </xf>
    <xf numFmtId="0" fontId="11" fillId="0" borderId="15" xfId="2" applyFont="1" applyBorder="1" applyAlignment="1">
      <alignment horizontal="centerContinuous" vertical="center"/>
    </xf>
    <xf numFmtId="179" fontId="12" fillId="0" borderId="14" xfId="3" applyNumberFormat="1" applyFont="1" applyFill="1" applyBorder="1" applyAlignment="1">
      <alignment vertical="center"/>
    </xf>
    <xf numFmtId="179" fontId="11" fillId="0" borderId="0" xfId="4" applyNumberFormat="1" applyFont="1" applyAlignment="1">
      <alignment vertical="center"/>
    </xf>
    <xf numFmtId="179" fontId="11" fillId="0" borderId="0" xfId="2" applyNumberFormat="1" applyFont="1" applyAlignment="1">
      <alignment vertical="center"/>
    </xf>
    <xf numFmtId="0" fontId="11" fillId="0" borderId="0" xfId="2" applyFont="1" applyAlignment="1">
      <alignment vertical="center"/>
    </xf>
    <xf numFmtId="180" fontId="11" fillId="0" borderId="15" xfId="2" applyNumberFormat="1" applyFont="1" applyBorder="1" applyAlignment="1">
      <alignment vertical="center"/>
    </xf>
    <xf numFmtId="181" fontId="11" fillId="0" borderId="24" xfId="2" quotePrefix="1" applyNumberFormat="1" applyFont="1" applyBorder="1" applyAlignment="1">
      <alignment vertical="center"/>
    </xf>
    <xf numFmtId="0" fontId="4" fillId="0" borderId="8" xfId="2" applyFont="1" applyBorder="1" applyAlignment="1">
      <alignment horizontal="center" vertical="center" textRotation="255" wrapText="1"/>
    </xf>
    <xf numFmtId="0" fontId="4" fillId="0" borderId="0" xfId="2" applyFont="1" applyAlignment="1">
      <alignment horizontal="center" vertical="center" textRotation="255" wrapText="1"/>
    </xf>
    <xf numFmtId="179" fontId="4" fillId="0" borderId="14" xfId="1" applyNumberFormat="1" applyFont="1" applyFill="1" applyBorder="1" applyAlignment="1">
      <alignment vertical="top"/>
    </xf>
    <xf numFmtId="179" fontId="4" fillId="0" borderId="2" xfId="2" applyNumberFormat="1" applyFont="1" applyBorder="1" applyAlignment="1">
      <alignment vertical="top"/>
    </xf>
    <xf numFmtId="0" fontId="4" fillId="0" borderId="2" xfId="2" applyFont="1" applyBorder="1" applyAlignment="1">
      <alignment vertical="top"/>
    </xf>
    <xf numFmtId="180" fontId="4" fillId="0" borderId="20" xfId="2" applyNumberFormat="1" applyFont="1" applyBorder="1" applyAlignment="1">
      <alignment vertical="top"/>
    </xf>
    <xf numFmtId="179" fontId="4" fillId="0" borderId="24" xfId="2" applyNumberFormat="1" applyFont="1" applyBorder="1" applyAlignment="1">
      <alignment vertical="top"/>
    </xf>
    <xf numFmtId="0" fontId="4" fillId="0" borderId="8" xfId="2" applyFont="1" applyBorder="1" applyAlignment="1">
      <alignment horizontal="center" vertical="center"/>
    </xf>
    <xf numFmtId="0" fontId="4" fillId="0" borderId="14" xfId="2" applyFont="1" applyBorder="1" applyAlignment="1">
      <alignment horizontal="center" vertical="center"/>
    </xf>
    <xf numFmtId="56" fontId="10" fillId="0" borderId="36" xfId="2" applyNumberFormat="1" applyFont="1" applyBorder="1" applyAlignment="1">
      <alignment horizontal="centerContinuous" vertical="center"/>
    </xf>
    <xf numFmtId="0" fontId="4" fillId="0" borderId="37" xfId="2" applyFont="1" applyBorder="1" applyAlignment="1">
      <alignment horizontal="centerContinuous" vertical="center"/>
    </xf>
    <xf numFmtId="0" fontId="4" fillId="0" borderId="38" xfId="2" applyFont="1" applyBorder="1" applyAlignment="1">
      <alignment horizontal="centerContinuous" vertical="center"/>
    </xf>
    <xf numFmtId="0" fontId="13" fillId="0" borderId="10" xfId="2" applyFont="1" applyBorder="1" applyAlignment="1">
      <alignment horizontal="center" vertical="center"/>
    </xf>
    <xf numFmtId="0" fontId="13" fillId="0" borderId="16" xfId="2" applyFont="1" applyBorder="1" applyAlignment="1">
      <alignment horizontal="center" vertical="center"/>
    </xf>
    <xf numFmtId="0" fontId="4" fillId="0" borderId="3" xfId="2" applyFont="1" applyBorder="1" applyAlignment="1">
      <alignment horizontal="center" vertical="center" textRotation="255"/>
    </xf>
    <xf numFmtId="0" fontId="10" fillId="0" borderId="22" xfId="2" applyFont="1" applyBorder="1" applyAlignment="1">
      <alignment horizontal="center" vertical="center" wrapText="1"/>
    </xf>
    <xf numFmtId="179" fontId="4" fillId="0" borderId="33" xfId="2" applyNumberFormat="1" applyFont="1" applyBorder="1" applyAlignment="1">
      <alignment vertical="center"/>
    </xf>
    <xf numFmtId="179" fontId="4" fillId="0" borderId="8" xfId="2" applyNumberFormat="1" applyFont="1" applyBorder="1" applyAlignment="1">
      <alignment horizontal="center" vertical="center"/>
    </xf>
    <xf numFmtId="0" fontId="10" fillId="0" borderId="14" xfId="2" applyFont="1" applyBorder="1" applyAlignment="1">
      <alignment horizontal="center" vertical="center" wrapText="1"/>
    </xf>
    <xf numFmtId="0" fontId="4" fillId="0" borderId="0" xfId="2" applyFont="1" applyAlignment="1">
      <alignment horizontal="left" vertical="center"/>
    </xf>
    <xf numFmtId="180" fontId="4" fillId="0" borderId="15" xfId="4" applyNumberFormat="1" applyFont="1" applyBorder="1" applyAlignment="1">
      <alignment vertical="center"/>
    </xf>
    <xf numFmtId="182" fontId="4" fillId="0" borderId="13" xfId="2" applyNumberFormat="1" applyFont="1" applyBorder="1" applyAlignment="1">
      <alignment vertical="center"/>
    </xf>
    <xf numFmtId="0" fontId="4" fillId="0" borderId="0" xfId="2" applyFont="1" applyAlignment="1">
      <alignment horizontal="right" vertical="center"/>
    </xf>
    <xf numFmtId="179" fontId="8" fillId="0" borderId="14" xfId="3" applyNumberFormat="1" applyFont="1" applyFill="1" applyBorder="1" applyAlignment="1">
      <alignment vertical="center"/>
    </xf>
    <xf numFmtId="182" fontId="4" fillId="0" borderId="24" xfId="2" quotePrefix="1" applyNumberFormat="1" applyFont="1" applyBorder="1" applyAlignment="1">
      <alignment horizontal="right" vertical="center"/>
    </xf>
    <xf numFmtId="179" fontId="4" fillId="0" borderId="8" xfId="2" applyNumberFormat="1" applyFont="1" applyBorder="1" applyAlignment="1">
      <alignment vertical="center"/>
    </xf>
    <xf numFmtId="0" fontId="11" fillId="0" borderId="0" xfId="2" applyFont="1" applyAlignment="1">
      <alignment horizontal="center" vertical="center"/>
    </xf>
    <xf numFmtId="179" fontId="11" fillId="0" borderId="0" xfId="1" applyNumberFormat="1" applyFont="1" applyFill="1" applyBorder="1" applyAlignment="1">
      <alignment vertical="center"/>
    </xf>
    <xf numFmtId="180" fontId="11" fillId="0" borderId="24" xfId="2" applyNumberFormat="1" applyFont="1" applyBorder="1" applyAlignment="1">
      <alignment vertical="center"/>
    </xf>
    <xf numFmtId="0" fontId="10" fillId="0" borderId="26" xfId="2" applyFont="1" applyBorder="1" applyAlignment="1">
      <alignment horizontal="center" vertical="center" wrapText="1"/>
    </xf>
    <xf numFmtId="179" fontId="4" fillId="0" borderId="34" xfId="2" applyNumberFormat="1" applyFont="1" applyBorder="1" applyAlignment="1">
      <alignment vertical="center"/>
    </xf>
    <xf numFmtId="0" fontId="10" fillId="0" borderId="0" xfId="2" applyFont="1" applyAlignment="1">
      <alignment horizontal="center" vertical="center" wrapText="1"/>
    </xf>
    <xf numFmtId="180" fontId="4" fillId="0" borderId="15" xfId="2" applyNumberFormat="1" applyFont="1" applyBorder="1" applyAlignment="1">
      <alignment vertical="center"/>
    </xf>
    <xf numFmtId="181" fontId="4" fillId="0" borderId="24" xfId="2" applyNumberFormat="1" applyFont="1" applyBorder="1" applyAlignment="1">
      <alignment vertical="center"/>
    </xf>
    <xf numFmtId="0" fontId="4" fillId="0" borderId="0" xfId="0" applyFont="1">
      <alignment vertical="center"/>
    </xf>
    <xf numFmtId="181" fontId="4" fillId="0" borderId="24" xfId="2" applyNumberFormat="1" applyFont="1" applyBorder="1" applyAlignment="1">
      <alignment horizontal="right" vertical="center"/>
    </xf>
    <xf numFmtId="0" fontId="11" fillId="0" borderId="8" xfId="2" applyFont="1" applyBorder="1" applyAlignment="1">
      <alignment vertical="center"/>
    </xf>
    <xf numFmtId="180" fontId="11" fillId="0" borderId="0" xfId="2" applyNumberFormat="1" applyFont="1" applyAlignment="1">
      <alignment vertical="center"/>
    </xf>
    <xf numFmtId="181" fontId="11" fillId="0" borderId="34" xfId="2" quotePrefix="1" applyNumberFormat="1" applyFont="1" applyBorder="1" applyAlignment="1">
      <alignment vertical="center"/>
    </xf>
    <xf numFmtId="180" fontId="4" fillId="0" borderId="31" xfId="2" applyNumberFormat="1" applyFont="1" applyBorder="1" applyAlignment="1">
      <alignment vertical="top"/>
    </xf>
    <xf numFmtId="0" fontId="4" fillId="0" borderId="39" xfId="2" applyFont="1" applyBorder="1" applyAlignment="1">
      <alignment vertical="center"/>
    </xf>
    <xf numFmtId="179" fontId="11" fillId="0" borderId="0" xfId="2" quotePrefix="1" applyNumberFormat="1" applyFont="1" applyAlignment="1">
      <alignment horizontal="right" vertical="center"/>
    </xf>
    <xf numFmtId="0" fontId="11" fillId="0" borderId="0" xfId="2" quotePrefix="1" applyFont="1" applyAlignment="1">
      <alignment horizontal="right" vertical="center"/>
    </xf>
    <xf numFmtId="183" fontId="11" fillId="0" borderId="13" xfId="2" applyNumberFormat="1" applyFont="1" applyBorder="1" applyAlignment="1">
      <alignment horizontal="right" vertical="center"/>
    </xf>
    <xf numFmtId="0" fontId="4" fillId="0" borderId="40" xfId="2" applyFont="1" applyBorder="1" applyAlignment="1">
      <alignment horizontal="center" vertical="center" textRotation="255"/>
    </xf>
    <xf numFmtId="179" fontId="8" fillId="0" borderId="22" xfId="3" applyNumberFormat="1" applyFont="1" applyFill="1" applyBorder="1" applyAlignment="1">
      <alignment horizontal="center" vertical="center"/>
    </xf>
    <xf numFmtId="0" fontId="4" fillId="0" borderId="2" xfId="2" applyFont="1" applyBorder="1" applyAlignment="1">
      <alignment horizontal="center" vertical="center" textRotation="255"/>
    </xf>
    <xf numFmtId="179" fontId="4" fillId="0" borderId="5" xfId="2" applyNumberFormat="1" applyFont="1" applyBorder="1" applyAlignment="1">
      <alignment horizontal="center" vertical="center"/>
    </xf>
    <xf numFmtId="0" fontId="4" fillId="0" borderId="0" xfId="2" applyFont="1"/>
    <xf numFmtId="179" fontId="4" fillId="0" borderId="0" xfId="2" applyNumberFormat="1" applyFont="1"/>
    <xf numFmtId="0" fontId="4" fillId="0" borderId="40" xfId="2" applyFont="1" applyBorder="1"/>
    <xf numFmtId="0" fontId="4" fillId="0" borderId="4" xfId="2" applyFont="1" applyBorder="1"/>
    <xf numFmtId="179" fontId="4" fillId="0" borderId="4" xfId="2" applyNumberFormat="1" applyFont="1" applyBorder="1"/>
    <xf numFmtId="179" fontId="4" fillId="0" borderId="7" xfId="2" applyNumberFormat="1" applyFont="1" applyBorder="1"/>
    <xf numFmtId="179" fontId="4" fillId="0" borderId="8" xfId="2" applyNumberFormat="1" applyFont="1" applyBorder="1"/>
    <xf numFmtId="0" fontId="4" fillId="0" borderId="8" xfId="2" applyFont="1" applyBorder="1"/>
    <xf numFmtId="56" fontId="4" fillId="0" borderId="11" xfId="2" applyNumberFormat="1" applyFont="1" applyBorder="1" applyAlignment="1">
      <alignment horizontal="centerContinuous" vertical="center"/>
    </xf>
    <xf numFmtId="0" fontId="4" fillId="0" borderId="31" xfId="2" applyFont="1" applyBorder="1" applyAlignment="1">
      <alignment horizontal="centerContinuous" vertical="center"/>
    </xf>
    <xf numFmtId="0" fontId="4" fillId="0" borderId="0" xfId="2" applyFont="1" applyAlignment="1">
      <alignment horizontal="center"/>
    </xf>
    <xf numFmtId="0" fontId="4" fillId="0" borderId="3" xfId="2" applyFont="1" applyBorder="1"/>
    <xf numFmtId="0" fontId="4" fillId="0" borderId="2" xfId="2" applyFont="1" applyBorder="1"/>
    <xf numFmtId="179" fontId="4" fillId="0" borderId="22" xfId="2" applyNumberFormat="1" applyFont="1" applyBorder="1"/>
    <xf numFmtId="179" fontId="4" fillId="0" borderId="23" xfId="2" applyNumberFormat="1" applyFont="1" applyBorder="1"/>
    <xf numFmtId="179" fontId="4" fillId="0" borderId="33" xfId="2" applyNumberFormat="1" applyFont="1" applyBorder="1"/>
    <xf numFmtId="0" fontId="4" fillId="0" borderId="0" xfId="0" applyFont="1" applyAlignment="1"/>
    <xf numFmtId="0" fontId="4" fillId="0" borderId="15" xfId="2" applyFont="1" applyBorder="1"/>
    <xf numFmtId="179" fontId="4" fillId="0" borderId="0" xfId="2" applyNumberFormat="1" applyFont="1" applyAlignment="1">
      <alignment horizontal="right"/>
    </xf>
    <xf numFmtId="182" fontId="4" fillId="0" borderId="15" xfId="2" applyNumberFormat="1" applyFont="1" applyBorder="1" applyAlignment="1">
      <alignment horizontal="right"/>
    </xf>
    <xf numFmtId="182" fontId="4" fillId="0" borderId="13" xfId="2" applyNumberFormat="1" applyFont="1" applyBorder="1" applyAlignment="1">
      <alignment horizontal="right"/>
    </xf>
    <xf numFmtId="182" fontId="4" fillId="0" borderId="8" xfId="2" applyNumberFormat="1" applyFont="1" applyBorder="1"/>
    <xf numFmtId="0" fontId="8" fillId="0" borderId="0" xfId="0" applyFont="1" applyAlignment="1"/>
    <xf numFmtId="179" fontId="4" fillId="0" borderId="14" xfId="0" applyNumberFormat="1" applyFont="1" applyBorder="1" applyAlignment="1">
      <alignment horizontal="right"/>
    </xf>
    <xf numFmtId="182" fontId="4" fillId="0" borderId="28" xfId="2" applyNumberFormat="1" applyFont="1" applyBorder="1" applyAlignment="1">
      <alignment horizontal="right"/>
    </xf>
    <xf numFmtId="0" fontId="4" fillId="0" borderId="35" xfId="2" applyFont="1" applyBorder="1"/>
    <xf numFmtId="0" fontId="4" fillId="0" borderId="31" xfId="2" applyFont="1" applyBorder="1"/>
    <xf numFmtId="179" fontId="4" fillId="0" borderId="11" xfId="0" applyNumberFormat="1" applyFont="1" applyBorder="1" applyAlignment="1">
      <alignment horizontal="right"/>
    </xf>
    <xf numFmtId="179" fontId="4" fillId="0" borderId="31" xfId="2" applyNumberFormat="1" applyFont="1" applyBorder="1"/>
    <xf numFmtId="182" fontId="4" fillId="0" borderId="39" xfId="2" applyNumberFormat="1" applyFont="1" applyBorder="1" applyAlignment="1">
      <alignment horizontal="right"/>
    </xf>
    <xf numFmtId="0" fontId="11" fillId="0" borderId="0" xfId="2" applyFont="1" applyAlignment="1">
      <alignment horizontal="centerContinuous"/>
    </xf>
    <xf numFmtId="0" fontId="4" fillId="0" borderId="0" xfId="2" applyFont="1" applyAlignment="1">
      <alignment horizontal="centerContinuous"/>
    </xf>
    <xf numFmtId="179" fontId="11" fillId="0" borderId="14" xfId="0" applyNumberFormat="1" applyFont="1" applyBorder="1" applyAlignment="1">
      <alignment horizontal="right"/>
    </xf>
    <xf numFmtId="179" fontId="11" fillId="0" borderId="0" xfId="0" applyNumberFormat="1" applyFont="1" applyAlignment="1">
      <alignment horizontal="right"/>
    </xf>
    <xf numFmtId="179" fontId="11" fillId="0" borderId="0" xfId="2" applyNumberFormat="1" applyFont="1"/>
    <xf numFmtId="182" fontId="11" fillId="0" borderId="15" xfId="2" applyNumberFormat="1" applyFont="1" applyBorder="1" applyAlignment="1">
      <alignment horizontal="right"/>
    </xf>
    <xf numFmtId="182" fontId="11" fillId="0" borderId="13" xfId="2" applyNumberFormat="1" applyFont="1" applyBorder="1" applyAlignment="1">
      <alignment horizontal="right"/>
    </xf>
    <xf numFmtId="182" fontId="11" fillId="0" borderId="8" xfId="2" applyNumberFormat="1" applyFont="1" applyBorder="1"/>
    <xf numFmtId="179" fontId="4" fillId="0" borderId="18" xfId="2" applyNumberFormat="1" applyFont="1" applyBorder="1"/>
    <xf numFmtId="179" fontId="4" fillId="0" borderId="2" xfId="2" applyNumberFormat="1" applyFont="1" applyBorder="1"/>
    <xf numFmtId="179" fontId="4" fillId="0" borderId="20" xfId="2" applyNumberFormat="1" applyFont="1" applyBorder="1"/>
    <xf numFmtId="179" fontId="4" fillId="0" borderId="21" xfId="2" applyNumberFormat="1" applyFont="1" applyBorder="1"/>
    <xf numFmtId="0" fontId="2" fillId="0" borderId="0" xfId="2" applyFont="1" applyAlignment="1">
      <alignment vertical="top"/>
    </xf>
    <xf numFmtId="180" fontId="4" fillId="0" borderId="0" xfId="2" applyNumberFormat="1" applyFont="1" applyAlignment="1">
      <alignment vertical="top"/>
    </xf>
    <xf numFmtId="184" fontId="4" fillId="0" borderId="0" xfId="2" applyNumberFormat="1" applyFont="1" applyAlignment="1">
      <alignment vertical="top"/>
    </xf>
    <xf numFmtId="0" fontId="14" fillId="0" borderId="0" xfId="2" applyFont="1"/>
    <xf numFmtId="0" fontId="14" fillId="0" borderId="0" xfId="2" applyFont="1" applyAlignment="1">
      <alignment vertical="top"/>
    </xf>
    <xf numFmtId="180" fontId="4" fillId="0" borderId="0" xfId="2" applyNumberFormat="1" applyFont="1"/>
    <xf numFmtId="184" fontId="4" fillId="0" borderId="0" xfId="2" applyNumberFormat="1" applyFont="1"/>
    <xf numFmtId="179" fontId="4" fillId="0" borderId="4" xfId="1" applyNumberFormat="1" applyFont="1" applyFill="1" applyBorder="1" applyAlignment="1">
      <alignment horizontal="center"/>
    </xf>
    <xf numFmtId="0" fontId="4" fillId="0" borderId="4" xfId="2" applyFont="1" applyBorder="1" applyAlignment="1">
      <alignment horizontal="center"/>
    </xf>
    <xf numFmtId="179" fontId="4" fillId="0" borderId="7" xfId="2" applyNumberFormat="1" applyFont="1" applyBorder="1" applyAlignment="1">
      <alignment horizontal="center"/>
    </xf>
    <xf numFmtId="56" fontId="4" fillId="0" borderId="10" xfId="2" quotePrefix="1" applyNumberFormat="1" applyFont="1" applyBorder="1" applyAlignment="1">
      <alignment horizontal="center" vertical="center"/>
    </xf>
    <xf numFmtId="56" fontId="4" fillId="0" borderId="10" xfId="2" applyNumberFormat="1" applyFont="1" applyBorder="1" applyAlignment="1">
      <alignment horizontal="center" vertical="center"/>
    </xf>
    <xf numFmtId="0" fontId="4" fillId="0" borderId="15" xfId="2" applyFont="1" applyBorder="1" applyAlignment="1">
      <alignment horizontal="center"/>
    </xf>
    <xf numFmtId="0" fontId="4" fillId="0" borderId="2" xfId="2" applyFont="1" applyBorder="1" applyAlignment="1">
      <alignment horizontal="center"/>
    </xf>
    <xf numFmtId="0" fontId="4" fillId="0" borderId="20" xfId="2" applyFont="1" applyBorder="1" applyAlignment="1">
      <alignment horizontal="center"/>
    </xf>
    <xf numFmtId="179" fontId="4" fillId="0" borderId="21" xfId="2" applyNumberFormat="1" applyFont="1" applyBorder="1" applyAlignment="1">
      <alignment horizontal="center"/>
    </xf>
    <xf numFmtId="179" fontId="4" fillId="0" borderId="22" xfId="1" applyNumberFormat="1" applyFont="1" applyFill="1" applyBorder="1" applyAlignment="1">
      <alignment horizontal="center"/>
    </xf>
    <xf numFmtId="179" fontId="4" fillId="0" borderId="33" xfId="2" applyNumberFormat="1" applyFont="1" applyBorder="1" applyAlignment="1">
      <alignment horizontal="center"/>
    </xf>
    <xf numFmtId="179" fontId="4" fillId="0" borderId="14" xfId="2" applyNumberFormat="1" applyFont="1" applyBorder="1"/>
    <xf numFmtId="185" fontId="4" fillId="0" borderId="0" xfId="2" applyNumberFormat="1" applyFont="1" applyAlignment="1">
      <alignment horizontal="right"/>
    </xf>
    <xf numFmtId="180" fontId="4" fillId="0" borderId="15" xfId="2" applyNumberFormat="1" applyFont="1" applyBorder="1"/>
    <xf numFmtId="186" fontId="4" fillId="0" borderId="24" xfId="2" applyNumberFormat="1" applyFont="1" applyBorder="1"/>
    <xf numFmtId="178" fontId="4" fillId="0" borderId="0" xfId="2" applyNumberFormat="1" applyFont="1" applyAlignment="1">
      <alignment horizontal="right"/>
    </xf>
    <xf numFmtId="176" fontId="4" fillId="0" borderId="24" xfId="0" applyNumberFormat="1" applyFont="1" applyBorder="1" applyAlignment="1">
      <alignment horizontal="right"/>
    </xf>
    <xf numFmtId="176" fontId="4" fillId="0" borderId="24" xfId="0" quotePrefix="1" applyNumberFormat="1" applyFont="1" applyBorder="1" applyAlignment="1">
      <alignment horizontal="right"/>
    </xf>
    <xf numFmtId="0" fontId="11" fillId="0" borderId="0" xfId="2" applyFont="1" applyAlignment="1">
      <alignment horizontal="left"/>
    </xf>
    <xf numFmtId="185" fontId="11" fillId="0" borderId="14" xfId="2" applyNumberFormat="1" applyFont="1" applyBorder="1" applyAlignment="1">
      <alignment horizontal="right"/>
    </xf>
    <xf numFmtId="185" fontId="11" fillId="0" borderId="0" xfId="2" applyNumberFormat="1" applyFont="1" applyAlignment="1">
      <alignment horizontal="right"/>
    </xf>
    <xf numFmtId="180" fontId="11" fillId="0" borderId="15" xfId="2" applyNumberFormat="1" applyFont="1" applyBorder="1"/>
    <xf numFmtId="176" fontId="11" fillId="0" borderId="24" xfId="0" applyNumberFormat="1" applyFont="1" applyBorder="1" applyAlignment="1">
      <alignment horizontal="right"/>
    </xf>
    <xf numFmtId="180" fontId="4" fillId="0" borderId="24" xfId="4" applyNumberFormat="1" applyFont="1" applyBorder="1"/>
    <xf numFmtId="0" fontId="11" fillId="0" borderId="0" xfId="2" applyFont="1"/>
    <xf numFmtId="179" fontId="11" fillId="0" borderId="14" xfId="2" applyNumberFormat="1" applyFont="1" applyBorder="1"/>
    <xf numFmtId="179" fontId="11" fillId="0" borderId="0" xfId="2" applyNumberFormat="1" applyFont="1" applyAlignment="1">
      <alignment horizontal="right"/>
    </xf>
    <xf numFmtId="180" fontId="11" fillId="0" borderId="0" xfId="2" applyNumberFormat="1" applyFont="1"/>
    <xf numFmtId="186" fontId="11" fillId="0" borderId="13" xfId="2" applyNumberFormat="1" applyFont="1" applyBorder="1"/>
    <xf numFmtId="186" fontId="4" fillId="0" borderId="13" xfId="2" applyNumberFormat="1" applyFont="1" applyBorder="1"/>
    <xf numFmtId="0" fontId="11" fillId="0" borderId="0" xfId="2" applyFont="1" applyAlignment="1">
      <alignment horizontal="center"/>
    </xf>
    <xf numFmtId="0" fontId="11" fillId="0" borderId="31" xfId="2" applyFont="1" applyBorder="1" applyAlignment="1">
      <alignment horizontal="center"/>
    </xf>
    <xf numFmtId="179" fontId="4" fillId="0" borderId="11" xfId="2" applyNumberFormat="1" applyFont="1" applyBorder="1"/>
    <xf numFmtId="185" fontId="4" fillId="0" borderId="31" xfId="2" applyNumberFormat="1" applyFont="1" applyBorder="1" applyAlignment="1">
      <alignment horizontal="right"/>
    </xf>
    <xf numFmtId="180" fontId="4" fillId="0" borderId="31" xfId="2" applyNumberFormat="1" applyFont="1" applyBorder="1"/>
    <xf numFmtId="186" fontId="4" fillId="0" borderId="39" xfId="2" applyNumberFormat="1" applyFont="1" applyBorder="1"/>
    <xf numFmtId="0" fontId="11" fillId="0" borderId="2" xfId="2" applyFont="1" applyBorder="1" applyAlignment="1">
      <alignment horizontal="center"/>
    </xf>
    <xf numFmtId="185" fontId="4" fillId="0" borderId="2" xfId="2" applyNumberFormat="1" applyFont="1" applyBorder="1" applyAlignment="1">
      <alignment horizontal="right"/>
    </xf>
    <xf numFmtId="180" fontId="4" fillId="0" borderId="2" xfId="2" applyNumberFormat="1" applyFont="1" applyBorder="1"/>
    <xf numFmtId="176" fontId="4" fillId="0" borderId="13" xfId="0" applyNumberFormat="1" applyFont="1" applyBorder="1" applyAlignment="1">
      <alignment horizontal="right"/>
    </xf>
    <xf numFmtId="0" fontId="8" fillId="0" borderId="8" xfId="2" applyFont="1" applyBorder="1"/>
    <xf numFmtId="0" fontId="8" fillId="0" borderId="0" xfId="2" applyFont="1"/>
    <xf numFmtId="179" fontId="8" fillId="0" borderId="14" xfId="2" applyNumberFormat="1" applyFont="1" applyBorder="1"/>
    <xf numFmtId="185" fontId="8" fillId="0" borderId="0" xfId="2" applyNumberFormat="1" applyFont="1" applyAlignment="1">
      <alignment horizontal="right"/>
    </xf>
    <xf numFmtId="180" fontId="8" fillId="0" borderId="0" xfId="2" applyNumberFormat="1" applyFont="1"/>
    <xf numFmtId="176" fontId="8" fillId="0" borderId="13" xfId="0" applyNumberFormat="1" applyFont="1" applyBorder="1" applyAlignment="1">
      <alignment horizontal="right"/>
    </xf>
    <xf numFmtId="0" fontId="12" fillId="0" borderId="0" xfId="2" applyFont="1" applyAlignment="1">
      <alignment horizontal="left"/>
    </xf>
    <xf numFmtId="179" fontId="12" fillId="0" borderId="14" xfId="2" applyNumberFormat="1" applyFont="1" applyBorder="1"/>
    <xf numFmtId="185" fontId="12" fillId="0" borderId="0" xfId="2" applyNumberFormat="1" applyFont="1" applyAlignment="1">
      <alignment horizontal="right"/>
    </xf>
    <xf numFmtId="180" fontId="12" fillId="0" borderId="0" xfId="2" applyNumberFormat="1" applyFont="1"/>
    <xf numFmtId="176" fontId="12" fillId="0" borderId="13" xfId="0" applyNumberFormat="1" applyFont="1" applyBorder="1" applyAlignment="1">
      <alignment horizontal="right"/>
    </xf>
    <xf numFmtId="186" fontId="4" fillId="0" borderId="13" xfId="2" quotePrefix="1" applyNumberFormat="1" applyFont="1" applyBorder="1" applyAlignment="1">
      <alignment horizontal="right"/>
    </xf>
    <xf numFmtId="179" fontId="11" fillId="0" borderId="14" xfId="2" applyNumberFormat="1" applyFont="1" applyBorder="1" applyAlignment="1">
      <alignment horizontal="right"/>
    </xf>
    <xf numFmtId="184" fontId="11" fillId="0" borderId="0" xfId="2" applyNumberFormat="1" applyFont="1" applyAlignment="1">
      <alignment horizontal="right"/>
    </xf>
    <xf numFmtId="179" fontId="4" fillId="0" borderId="14" xfId="2" applyNumberFormat="1" applyFont="1" applyBorder="1" applyAlignment="1">
      <alignment horizontal="right"/>
    </xf>
    <xf numFmtId="176" fontId="11" fillId="0" borderId="13" xfId="0" applyNumberFormat="1" applyFont="1" applyBorder="1" applyAlignment="1">
      <alignment horizontal="right"/>
    </xf>
    <xf numFmtId="179" fontId="4" fillId="0" borderId="13" xfId="2" applyNumberFormat="1" applyFont="1" applyBorder="1"/>
    <xf numFmtId="179" fontId="4" fillId="0" borderId="39" xfId="2" applyNumberFormat="1" applyFont="1" applyBorder="1"/>
    <xf numFmtId="184" fontId="11" fillId="0" borderId="0" xfId="2" applyNumberFormat="1" applyFont="1"/>
    <xf numFmtId="0" fontId="4" fillId="0" borderId="0" xfId="0" applyFont="1" applyAlignment="1">
      <alignment horizontal="left" shrinkToFit="1"/>
    </xf>
    <xf numFmtId="0" fontId="4" fillId="0" borderId="0" xfId="2" applyFont="1" applyAlignment="1">
      <alignment horizontal="left"/>
    </xf>
    <xf numFmtId="179" fontId="4" fillId="0" borderId="14" xfId="1" applyNumberFormat="1" applyFont="1" applyFill="1" applyBorder="1" applyAlignment="1">
      <alignment horizontal="right"/>
    </xf>
    <xf numFmtId="180" fontId="4" fillId="0" borderId="0" xfId="2" applyNumberFormat="1" applyFont="1" applyAlignment="1">
      <alignment horizontal="right"/>
    </xf>
    <xf numFmtId="176" fontId="4" fillId="0" borderId="13" xfId="2" applyNumberFormat="1" applyFont="1" applyBorder="1" applyAlignment="1">
      <alignment horizontal="right"/>
    </xf>
    <xf numFmtId="176" fontId="11" fillId="0" borderId="13" xfId="2" applyNumberFormat="1" applyFont="1" applyBorder="1" applyAlignment="1">
      <alignment horizontal="right"/>
    </xf>
    <xf numFmtId="176" fontId="4" fillId="0" borderId="13" xfId="2" applyNumberFormat="1" applyFont="1" applyBorder="1"/>
    <xf numFmtId="176" fontId="11" fillId="0" borderId="13" xfId="2" applyNumberFormat="1" applyFont="1" applyBorder="1"/>
    <xf numFmtId="0" fontId="12" fillId="0" borderId="0" xfId="2" applyFont="1"/>
    <xf numFmtId="176" fontId="4" fillId="0" borderId="39" xfId="2" applyNumberFormat="1" applyFont="1" applyBorder="1"/>
    <xf numFmtId="179" fontId="4" fillId="0" borderId="14" xfId="1" applyNumberFormat="1" applyFont="1" applyFill="1" applyBorder="1" applyAlignment="1">
      <alignment horizontal="center"/>
    </xf>
    <xf numFmtId="179" fontId="4" fillId="0" borderId="13" xfId="2" applyNumberFormat="1" applyFont="1" applyBorder="1" applyAlignment="1">
      <alignment horizontal="right"/>
    </xf>
    <xf numFmtId="179" fontId="4" fillId="0" borderId="14" xfId="2" applyNumberFormat="1" applyFont="1" applyBorder="1" applyAlignment="1">
      <alignment horizontal="center"/>
    </xf>
    <xf numFmtId="179" fontId="4" fillId="0" borderId="0" xfId="2" applyNumberFormat="1" applyFont="1" applyAlignment="1">
      <alignment horizontal="center"/>
    </xf>
    <xf numFmtId="180" fontId="4" fillId="0" borderId="0" xfId="2" applyNumberFormat="1" applyFont="1" applyAlignment="1">
      <alignment horizontal="center"/>
    </xf>
    <xf numFmtId="0" fontId="4" fillId="0" borderId="41" xfId="2" applyFont="1" applyBorder="1"/>
    <xf numFmtId="0" fontId="11" fillId="0" borderId="27" xfId="2" applyFont="1" applyBorder="1" applyAlignment="1">
      <alignment horizontal="center"/>
    </xf>
    <xf numFmtId="179" fontId="4" fillId="0" borderId="26" xfId="2" applyNumberFormat="1" applyFont="1" applyBorder="1"/>
    <xf numFmtId="185" fontId="4" fillId="0" borderId="27" xfId="2" applyNumberFormat="1" applyFont="1" applyBorder="1" applyAlignment="1">
      <alignment horizontal="right"/>
    </xf>
    <xf numFmtId="180" fontId="4" fillId="0" borderId="27" xfId="2" applyNumberFormat="1" applyFont="1" applyBorder="1"/>
    <xf numFmtId="179" fontId="4" fillId="0" borderId="34" xfId="2" applyNumberFormat="1" applyFont="1" applyBorder="1" applyAlignment="1">
      <alignment horizontal="right"/>
    </xf>
    <xf numFmtId="186" fontId="11" fillId="0" borderId="13" xfId="2" applyNumberFormat="1" applyFont="1" applyBorder="1" applyAlignment="1">
      <alignment horizontal="right"/>
    </xf>
    <xf numFmtId="0" fontId="13" fillId="0" borderId="0" xfId="2" applyFont="1"/>
    <xf numFmtId="0" fontId="1" fillId="0" borderId="8" xfId="2" applyBorder="1" applyAlignment="1">
      <alignment wrapText="1"/>
    </xf>
    <xf numFmtId="0" fontId="4" fillId="0" borderId="0" xfId="0" applyFont="1" applyAlignment="1">
      <alignment shrinkToFit="1"/>
    </xf>
    <xf numFmtId="179" fontId="4" fillId="0" borderId="22" xfId="1" applyNumberFormat="1" applyFont="1" applyFill="1" applyBorder="1" applyAlignment="1">
      <alignment horizontal="centerContinuous" vertical="center"/>
    </xf>
    <xf numFmtId="0" fontId="4" fillId="0" borderId="4" xfId="2" applyFont="1" applyBorder="1" applyAlignment="1">
      <alignment horizontal="centerContinuous" vertical="center"/>
    </xf>
    <xf numFmtId="179" fontId="4" fillId="0" borderId="14" xfId="2" applyNumberFormat="1" applyFont="1" applyBorder="1" applyAlignment="1">
      <alignment vertical="center"/>
    </xf>
    <xf numFmtId="0" fontId="11" fillId="0" borderId="15" xfId="2" applyFont="1" applyBorder="1"/>
    <xf numFmtId="179" fontId="11" fillId="0" borderId="14" xfId="2" applyNumberFormat="1" applyFont="1" applyBorder="1" applyAlignment="1">
      <alignment vertical="center"/>
    </xf>
    <xf numFmtId="179" fontId="4" fillId="0" borderId="18" xfId="2" applyNumberFormat="1" applyFont="1" applyBorder="1" applyAlignment="1">
      <alignment horizontal="centerContinuous" vertical="center"/>
    </xf>
    <xf numFmtId="185" fontId="4" fillId="0" borderId="2" xfId="2" applyNumberFormat="1" applyFont="1" applyBorder="1" applyAlignment="1">
      <alignment horizontal="centerContinuous" vertical="center"/>
    </xf>
    <xf numFmtId="185" fontId="4" fillId="0" borderId="0" xfId="2" applyNumberFormat="1" applyFont="1" applyAlignment="1">
      <alignment horizontal="centerContinuous" vertical="center"/>
    </xf>
    <xf numFmtId="0" fontId="2" fillId="0" borderId="0" xfId="5" applyFont="1" applyAlignment="1">
      <alignment vertical="top"/>
    </xf>
    <xf numFmtId="0" fontId="4" fillId="0" borderId="0" xfId="5" applyFont="1" applyAlignment="1">
      <alignment vertical="top"/>
    </xf>
    <xf numFmtId="0" fontId="2" fillId="0" borderId="0" xfId="5" applyFont="1" applyAlignment="1">
      <alignment vertical="top" wrapText="1"/>
    </xf>
    <xf numFmtId="179" fontId="4" fillId="0" borderId="0" xfId="5" applyNumberFormat="1" applyFont="1" applyAlignment="1">
      <alignment vertical="top"/>
    </xf>
    <xf numFmtId="180" fontId="4" fillId="0" borderId="0" xfId="5" applyNumberFormat="1" applyFont="1" applyAlignment="1">
      <alignment vertical="top"/>
    </xf>
    <xf numFmtId="184" fontId="4" fillId="0" borderId="0" xfId="5" applyNumberFormat="1" applyFont="1" applyAlignment="1">
      <alignment vertical="top"/>
    </xf>
    <xf numFmtId="0" fontId="2" fillId="0" borderId="0" xfId="5" applyFont="1"/>
    <xf numFmtId="0" fontId="4" fillId="0" borderId="0" xfId="5" applyFont="1"/>
    <xf numFmtId="179" fontId="4" fillId="0" borderId="0" xfId="5" applyNumberFormat="1" applyFont="1"/>
    <xf numFmtId="180" fontId="4" fillId="0" borderId="0" xfId="5" applyNumberFormat="1" applyFont="1"/>
    <xf numFmtId="184" fontId="4" fillId="0" borderId="0" xfId="5" applyNumberFormat="1" applyFont="1"/>
    <xf numFmtId="0" fontId="4" fillId="0" borderId="40" xfId="5" applyFont="1" applyBorder="1"/>
    <xf numFmtId="0" fontId="4" fillId="0" borderId="4" xfId="5" applyFont="1" applyBorder="1"/>
    <xf numFmtId="0" fontId="4" fillId="0" borderId="4" xfId="5" applyFont="1" applyBorder="1" applyAlignment="1">
      <alignment horizontal="center"/>
    </xf>
    <xf numFmtId="179" fontId="4" fillId="0" borderId="7" xfId="5" applyNumberFormat="1" applyFont="1" applyBorder="1" applyAlignment="1">
      <alignment horizontal="center"/>
    </xf>
    <xf numFmtId="0" fontId="4" fillId="0" borderId="8" xfId="5" applyFont="1" applyBorder="1"/>
    <xf numFmtId="179" fontId="4" fillId="0" borderId="10" xfId="5" applyNumberFormat="1" applyFont="1" applyBorder="1" applyAlignment="1">
      <alignment horizontal="center" vertical="center"/>
    </xf>
    <xf numFmtId="56" fontId="4" fillId="0" borderId="10" xfId="5" quotePrefix="1" applyNumberFormat="1" applyFont="1" applyBorder="1" applyAlignment="1">
      <alignment horizontal="center"/>
    </xf>
    <xf numFmtId="56" fontId="13" fillId="0" borderId="36" xfId="4" applyNumberFormat="1" applyFont="1" applyBorder="1" applyAlignment="1">
      <alignment horizontal="centerContinuous" vertical="center"/>
    </xf>
    <xf numFmtId="0" fontId="4" fillId="0" borderId="36" xfId="4" applyFont="1" applyBorder="1" applyAlignment="1">
      <alignment horizontal="centerContinuous" vertical="center"/>
    </xf>
    <xf numFmtId="179" fontId="4" fillId="0" borderId="16" xfId="5" applyNumberFormat="1" applyFont="1" applyBorder="1" applyAlignment="1">
      <alignment horizontal="center" vertical="center"/>
    </xf>
    <xf numFmtId="0" fontId="13" fillId="0" borderId="10" xfId="4" applyFont="1" applyBorder="1" applyAlignment="1">
      <alignment horizontal="center" vertical="center"/>
    </xf>
    <xf numFmtId="0" fontId="4" fillId="0" borderId="10" xfId="4" applyFont="1" applyBorder="1" applyAlignment="1">
      <alignment horizontal="centerContinuous" vertical="center"/>
    </xf>
    <xf numFmtId="0" fontId="4" fillId="0" borderId="16" xfId="5" applyFont="1" applyBorder="1" applyAlignment="1">
      <alignment horizontal="center" vertical="center"/>
    </xf>
    <xf numFmtId="0" fontId="4" fillId="0" borderId="0" xfId="5" applyFont="1" applyAlignment="1">
      <alignment horizontal="center"/>
    </xf>
    <xf numFmtId="0" fontId="4" fillId="0" borderId="15" xfId="5" applyFont="1" applyBorder="1" applyAlignment="1">
      <alignment horizontal="center"/>
    </xf>
    <xf numFmtId="0" fontId="13" fillId="0" borderId="16" xfId="4" applyFont="1" applyBorder="1" applyAlignment="1">
      <alignment horizontal="center" vertical="center"/>
    </xf>
    <xf numFmtId="0" fontId="4" fillId="0" borderId="3" xfId="5" applyFont="1" applyBorder="1"/>
    <xf numFmtId="0" fontId="4" fillId="0" borderId="2" xfId="5" applyFont="1" applyBorder="1" applyAlignment="1">
      <alignment horizontal="center"/>
    </xf>
    <xf numFmtId="0" fontId="4" fillId="0" borderId="20" xfId="5" applyFont="1" applyBorder="1" applyAlignment="1">
      <alignment horizontal="center"/>
    </xf>
    <xf numFmtId="0" fontId="4" fillId="0" borderId="19" xfId="5" applyFont="1" applyBorder="1" applyAlignment="1">
      <alignment vertical="center"/>
    </xf>
    <xf numFmtId="0" fontId="4" fillId="0" borderId="19" xfId="4" applyFont="1" applyBorder="1" applyAlignment="1">
      <alignment vertical="center"/>
    </xf>
    <xf numFmtId="0" fontId="4" fillId="0" borderId="19" xfId="4" applyFont="1" applyBorder="1" applyAlignment="1">
      <alignment horizontal="center" vertical="center"/>
    </xf>
    <xf numFmtId="0" fontId="4" fillId="0" borderId="19" xfId="5" applyFont="1" applyBorder="1" applyAlignment="1">
      <alignment horizontal="center" vertical="center"/>
    </xf>
    <xf numFmtId="179" fontId="4" fillId="0" borderId="21" xfId="5" applyNumberFormat="1" applyFont="1" applyBorder="1" applyAlignment="1">
      <alignment horizontal="center" vertical="center"/>
    </xf>
    <xf numFmtId="179" fontId="4" fillId="0" borderId="33" xfId="5" applyNumberFormat="1" applyFont="1" applyBorder="1" applyAlignment="1">
      <alignment horizontal="center"/>
    </xf>
    <xf numFmtId="179" fontId="4" fillId="0" borderId="14" xfId="5" applyNumberFormat="1" applyFont="1" applyBorder="1"/>
    <xf numFmtId="185" fontId="4" fillId="0" borderId="0" xfId="5" applyNumberFormat="1" applyFont="1" applyAlignment="1">
      <alignment horizontal="right"/>
    </xf>
    <xf numFmtId="177" fontId="4" fillId="0" borderId="0" xfId="2" applyNumberFormat="1" applyFont="1" applyAlignment="1">
      <alignment horizontal="right"/>
    </xf>
    <xf numFmtId="186" fontId="4" fillId="0" borderId="13" xfId="5" applyNumberFormat="1" applyFont="1" applyBorder="1"/>
    <xf numFmtId="176" fontId="4" fillId="0" borderId="13" xfId="0" quotePrefix="1" applyNumberFormat="1" applyFont="1" applyBorder="1" applyAlignment="1">
      <alignment horizontal="right"/>
    </xf>
    <xf numFmtId="0" fontId="11" fillId="0" borderId="0" xfId="5" applyFont="1" applyAlignment="1">
      <alignment horizontal="center"/>
    </xf>
    <xf numFmtId="0" fontId="4" fillId="0" borderId="35" xfId="5" applyFont="1" applyBorder="1"/>
    <xf numFmtId="0" fontId="11" fillId="0" borderId="31" xfId="5" applyFont="1" applyBorder="1" applyAlignment="1">
      <alignment horizontal="center"/>
    </xf>
    <xf numFmtId="179" fontId="4" fillId="0" borderId="11" xfId="5" applyNumberFormat="1" applyFont="1" applyBorder="1"/>
    <xf numFmtId="179" fontId="4" fillId="0" borderId="31" xfId="5" applyNumberFormat="1" applyFont="1" applyBorder="1"/>
    <xf numFmtId="185" fontId="4" fillId="0" borderId="31" xfId="5" applyNumberFormat="1" applyFont="1" applyBorder="1" applyAlignment="1">
      <alignment horizontal="right"/>
    </xf>
    <xf numFmtId="180" fontId="4" fillId="0" borderId="31" xfId="5" applyNumberFormat="1" applyFont="1" applyBorder="1"/>
    <xf numFmtId="186" fontId="4" fillId="0" borderId="39" xfId="5" applyNumberFormat="1" applyFont="1" applyBorder="1"/>
    <xf numFmtId="0" fontId="11" fillId="0" borderId="8" xfId="5" applyFont="1" applyBorder="1"/>
    <xf numFmtId="179" fontId="11" fillId="0" borderId="0" xfId="5" applyNumberFormat="1" applyFont="1"/>
    <xf numFmtId="184" fontId="11" fillId="0" borderId="0" xfId="5" applyNumberFormat="1" applyFont="1"/>
    <xf numFmtId="180" fontId="11" fillId="0" borderId="0" xfId="5" applyNumberFormat="1" applyFont="1"/>
    <xf numFmtId="186" fontId="11" fillId="0" borderId="13" xfId="5" applyNumberFormat="1" applyFont="1" applyBorder="1"/>
    <xf numFmtId="0" fontId="11" fillId="0" borderId="0" xfId="5" applyFont="1"/>
    <xf numFmtId="0" fontId="11" fillId="0" borderId="2" xfId="5" applyFont="1" applyBorder="1" applyAlignment="1">
      <alignment horizontal="center"/>
    </xf>
    <xf numFmtId="179" fontId="4" fillId="0" borderId="18" xfId="5" applyNumberFormat="1" applyFont="1" applyBorder="1"/>
    <xf numFmtId="179" fontId="4" fillId="0" borderId="2" xfId="5" applyNumberFormat="1" applyFont="1" applyBorder="1"/>
    <xf numFmtId="185" fontId="4" fillId="0" borderId="2" xfId="5" applyNumberFormat="1" applyFont="1" applyBorder="1" applyAlignment="1">
      <alignment horizontal="right"/>
    </xf>
    <xf numFmtId="180" fontId="4" fillId="0" borderId="2" xfId="5" applyNumberFormat="1" applyFont="1" applyBorder="1"/>
    <xf numFmtId="179" fontId="4" fillId="0" borderId="21" xfId="5" applyNumberFormat="1" applyFont="1" applyBorder="1"/>
    <xf numFmtId="56" fontId="8" fillId="0" borderId="10" xfId="2" applyNumberFormat="1" applyFont="1" applyBorder="1" applyAlignment="1">
      <alignment horizontal="centerContinuous" vertical="center"/>
    </xf>
    <xf numFmtId="0" fontId="8" fillId="0" borderId="11" xfId="2" applyFont="1" applyBorder="1" applyAlignment="1">
      <alignment horizontal="centerContinuous" vertical="center"/>
    </xf>
    <xf numFmtId="0" fontId="8" fillId="0" borderId="12" xfId="2" applyFont="1" applyBorder="1" applyAlignment="1">
      <alignment horizontal="centerContinuous" vertical="center"/>
    </xf>
    <xf numFmtId="0" fontId="8" fillId="0" borderId="16" xfId="2" applyFont="1" applyBorder="1" applyAlignment="1">
      <alignment horizontal="centerContinuous" vertical="center"/>
    </xf>
    <xf numFmtId="0" fontId="8" fillId="0" borderId="14" xfId="2" applyFont="1" applyBorder="1" applyAlignment="1">
      <alignment horizontal="centerContinuous" vertical="center"/>
    </xf>
    <xf numFmtId="0" fontId="8" fillId="0" borderId="15" xfId="2" applyFont="1" applyBorder="1" applyAlignment="1">
      <alignment horizontal="centerContinuous" vertical="center"/>
    </xf>
    <xf numFmtId="0" fontId="8" fillId="0" borderId="0" xfId="2" applyFont="1" applyAlignment="1">
      <alignment horizontal="centerContinuous" vertical="center"/>
    </xf>
    <xf numFmtId="0" fontId="8" fillId="0" borderId="18" xfId="2" applyFont="1" applyBorder="1" applyAlignment="1">
      <alignment horizontal="center" vertical="center"/>
    </xf>
    <xf numFmtId="0" fontId="8" fillId="0" borderId="2" xfId="2" applyFont="1" applyBorder="1" applyAlignment="1">
      <alignment horizontal="center" vertical="center"/>
    </xf>
    <xf numFmtId="0" fontId="8" fillId="0" borderId="20" xfId="2" applyFont="1" applyBorder="1" applyAlignment="1">
      <alignment horizontal="center" vertical="center"/>
    </xf>
    <xf numFmtId="0" fontId="8" fillId="0" borderId="0" xfId="5" applyFont="1"/>
    <xf numFmtId="179" fontId="4" fillId="0" borderId="14" xfId="0" applyNumberFormat="1" applyFont="1" applyBorder="1" applyAlignment="1"/>
    <xf numFmtId="179" fontId="11" fillId="0" borderId="14" xfId="5" applyNumberFormat="1" applyFont="1" applyBorder="1"/>
    <xf numFmtId="179" fontId="8" fillId="0" borderId="0" xfId="5" applyNumberFormat="1" applyFont="1"/>
    <xf numFmtId="180" fontId="8" fillId="0" borderId="0" xfId="5" applyNumberFormat="1" applyFont="1"/>
    <xf numFmtId="0" fontId="1" fillId="0" borderId="0" xfId="0" applyFont="1" applyAlignment="1"/>
    <xf numFmtId="186" fontId="4" fillId="0" borderId="13" xfId="5" applyNumberFormat="1" applyFont="1" applyBorder="1" applyAlignment="1">
      <alignment horizontal="right"/>
    </xf>
    <xf numFmtId="177" fontId="4" fillId="0" borderId="0" xfId="5" applyNumberFormat="1" applyFont="1"/>
    <xf numFmtId="177" fontId="4" fillId="0" borderId="0" xfId="5" applyNumberFormat="1" applyFont="1" applyAlignment="1">
      <alignment horizontal="center"/>
    </xf>
    <xf numFmtId="0" fontId="8" fillId="0" borderId="8" xfId="5" applyFont="1" applyBorder="1"/>
    <xf numFmtId="0" fontId="8" fillId="0" borderId="0" xfId="5" applyFont="1" applyAlignment="1">
      <alignment horizontal="left"/>
    </xf>
    <xf numFmtId="179" fontId="8" fillId="0" borderId="14" xfId="1" applyNumberFormat="1" applyFont="1" applyFill="1" applyBorder="1" applyAlignment="1"/>
    <xf numFmtId="185" fontId="8" fillId="0" borderId="0" xfId="5" applyNumberFormat="1" applyFont="1" applyAlignment="1">
      <alignment horizontal="right"/>
    </xf>
    <xf numFmtId="177" fontId="8" fillId="0" borderId="0" xfId="2" applyNumberFormat="1" applyFont="1" applyAlignment="1">
      <alignment horizontal="right"/>
    </xf>
    <xf numFmtId="176" fontId="8" fillId="0" borderId="0" xfId="5" applyNumberFormat="1" applyFont="1"/>
    <xf numFmtId="179" fontId="8" fillId="0" borderId="13" xfId="5" applyNumberFormat="1" applyFont="1" applyBorder="1" applyAlignment="1">
      <alignment horizontal="right"/>
    </xf>
    <xf numFmtId="176" fontId="8" fillId="0" borderId="13" xfId="0" quotePrefix="1" applyNumberFormat="1" applyFont="1" applyBorder="1" applyAlignment="1">
      <alignment horizontal="right"/>
    </xf>
    <xf numFmtId="0" fontId="12" fillId="0" borderId="0" xfId="0" applyFont="1" applyAlignment="1"/>
    <xf numFmtId="179" fontId="12" fillId="0" borderId="14" xfId="1" applyNumberFormat="1" applyFont="1" applyFill="1" applyBorder="1" applyAlignment="1"/>
    <xf numFmtId="177" fontId="12" fillId="0" borderId="0" xfId="5" applyNumberFormat="1" applyFont="1"/>
    <xf numFmtId="176" fontId="12" fillId="0" borderId="0" xfId="5" applyNumberFormat="1" applyFont="1"/>
    <xf numFmtId="176" fontId="12" fillId="0" borderId="13" xfId="0" quotePrefix="1" applyNumberFormat="1" applyFont="1" applyBorder="1" applyAlignment="1">
      <alignment horizontal="right"/>
    </xf>
    <xf numFmtId="179" fontId="8" fillId="0" borderId="14" xfId="5" applyNumberFormat="1" applyFont="1" applyBorder="1"/>
    <xf numFmtId="186" fontId="8" fillId="0" borderId="13" xfId="5" applyNumberFormat="1" applyFont="1" applyBorder="1"/>
    <xf numFmtId="186" fontId="8" fillId="0" borderId="13" xfId="5" applyNumberFormat="1" applyFont="1" applyBorder="1" applyAlignment="1">
      <alignment horizontal="right"/>
    </xf>
    <xf numFmtId="180" fontId="8" fillId="0" borderId="13" xfId="5" quotePrefix="1" applyNumberFormat="1" applyFont="1" applyBorder="1" applyAlignment="1">
      <alignment horizontal="right"/>
    </xf>
    <xf numFmtId="0" fontId="8" fillId="0" borderId="8" xfId="5" applyFont="1" applyBorder="1" applyAlignment="1">
      <alignment vertical="center"/>
    </xf>
    <xf numFmtId="179" fontId="12" fillId="0" borderId="14" xfId="5" applyNumberFormat="1" applyFont="1" applyBorder="1"/>
    <xf numFmtId="0" fontId="12" fillId="0" borderId="0" xfId="5" applyFont="1"/>
    <xf numFmtId="186" fontId="12" fillId="0" borderId="13" xfId="5" applyNumberFormat="1" applyFont="1" applyBorder="1"/>
    <xf numFmtId="179" fontId="4" fillId="0" borderId="13" xfId="5" applyNumberFormat="1" applyFont="1" applyBorder="1"/>
    <xf numFmtId="179" fontId="4" fillId="0" borderId="39" xfId="5" applyNumberFormat="1" applyFont="1" applyBorder="1"/>
    <xf numFmtId="0" fontId="11" fillId="0" borderId="0" xfId="0" applyFont="1" applyAlignment="1"/>
    <xf numFmtId="179" fontId="11" fillId="0" borderId="14" xfId="0" applyNumberFormat="1" applyFont="1" applyBorder="1" applyAlignment="1"/>
    <xf numFmtId="179" fontId="11" fillId="0" borderId="0" xfId="0" applyNumberFormat="1" applyFont="1" applyAlignment="1"/>
    <xf numFmtId="184" fontId="11" fillId="0" borderId="0" xfId="0" applyNumberFormat="1" applyFont="1" applyAlignment="1"/>
    <xf numFmtId="184" fontId="8" fillId="0" borderId="0" xfId="5" applyNumberFormat="1" applyFont="1"/>
    <xf numFmtId="0" fontId="8" fillId="0" borderId="40" xfId="5" applyFont="1" applyBorder="1"/>
    <xf numFmtId="0" fontId="8" fillId="0" borderId="4" xfId="5" applyFont="1" applyBorder="1"/>
    <xf numFmtId="179" fontId="8" fillId="0" borderId="4" xfId="1" applyNumberFormat="1" applyFont="1" applyFill="1" applyBorder="1" applyAlignment="1">
      <alignment horizontal="center"/>
    </xf>
    <xf numFmtId="0" fontId="8" fillId="0" borderId="4" xfId="5" applyFont="1" applyBorder="1" applyAlignment="1">
      <alignment horizontal="center"/>
    </xf>
    <xf numFmtId="179" fontId="8" fillId="0" borderId="7" xfId="5" applyNumberFormat="1" applyFont="1" applyBorder="1" applyAlignment="1">
      <alignment horizontal="center"/>
    </xf>
    <xf numFmtId="179" fontId="8" fillId="0" borderId="10" xfId="1" applyNumberFormat="1" applyFont="1" applyFill="1" applyBorder="1" applyAlignment="1">
      <alignment horizontal="center" vertical="center"/>
    </xf>
    <xf numFmtId="179" fontId="8" fillId="0" borderId="10" xfId="5" applyNumberFormat="1" applyFont="1" applyBorder="1" applyAlignment="1">
      <alignment horizontal="center" vertical="center"/>
    </xf>
    <xf numFmtId="56" fontId="8" fillId="0" borderId="10" xfId="5" quotePrefix="1" applyNumberFormat="1" applyFont="1" applyBorder="1" applyAlignment="1">
      <alignment horizontal="center"/>
    </xf>
    <xf numFmtId="56" fontId="8" fillId="0" borderId="10" xfId="2" quotePrefix="1" applyNumberFormat="1" applyFont="1" applyBorder="1" applyAlignment="1">
      <alignment horizontal="center"/>
    </xf>
    <xf numFmtId="179" fontId="8" fillId="0" borderId="16" xfId="1" applyNumberFormat="1" applyFont="1" applyFill="1" applyBorder="1" applyAlignment="1">
      <alignment horizontal="center" vertical="center"/>
    </xf>
    <xf numFmtId="179" fontId="8" fillId="0" borderId="16" xfId="5" applyNumberFormat="1" applyFont="1" applyBorder="1" applyAlignment="1">
      <alignment horizontal="center" vertical="center"/>
    </xf>
    <xf numFmtId="0" fontId="8" fillId="0" borderId="16" xfId="2" applyFont="1" applyBorder="1" applyAlignment="1">
      <alignment horizontal="center" vertical="center"/>
    </xf>
    <xf numFmtId="0" fontId="8" fillId="0" borderId="16" xfId="5" applyFont="1" applyBorder="1" applyAlignment="1">
      <alignment horizontal="center" vertical="center"/>
    </xf>
    <xf numFmtId="0" fontId="8" fillId="0" borderId="0" xfId="5" applyFont="1" applyAlignment="1">
      <alignment horizontal="center"/>
    </xf>
    <xf numFmtId="0" fontId="8" fillId="0" borderId="15" xfId="5" applyFont="1" applyBorder="1" applyAlignment="1">
      <alignment horizontal="center"/>
    </xf>
    <xf numFmtId="0" fontId="8" fillId="0" borderId="3" xfId="5" applyFont="1" applyBorder="1"/>
    <xf numFmtId="0" fontId="8" fillId="0" borderId="2" xfId="5" applyFont="1" applyBorder="1" applyAlignment="1">
      <alignment horizontal="center"/>
    </xf>
    <xf numFmtId="0" fontId="8" fillId="0" borderId="20" xfId="5" applyFont="1" applyBorder="1" applyAlignment="1">
      <alignment horizontal="center"/>
    </xf>
    <xf numFmtId="179" fontId="8" fillId="0" borderId="19" xfId="1" applyNumberFormat="1" applyFont="1" applyFill="1" applyBorder="1" applyAlignment="1">
      <alignment horizontal="center" vertical="center"/>
    </xf>
    <xf numFmtId="0" fontId="8" fillId="0" borderId="19" xfId="5" applyFont="1" applyBorder="1" applyAlignment="1">
      <alignment vertical="center"/>
    </xf>
    <xf numFmtId="0" fontId="8" fillId="0" borderId="19" xfId="5" applyFont="1" applyBorder="1" applyAlignment="1">
      <alignment horizontal="center" vertical="center"/>
    </xf>
    <xf numFmtId="179" fontId="8" fillId="0" borderId="21" xfId="5" applyNumberFormat="1" applyFont="1" applyBorder="1" applyAlignment="1">
      <alignment horizontal="center" vertical="center"/>
    </xf>
    <xf numFmtId="179" fontId="8" fillId="0" borderId="22" xfId="1" applyNumberFormat="1" applyFont="1" applyFill="1" applyBorder="1" applyAlignment="1">
      <alignment horizontal="center"/>
    </xf>
    <xf numFmtId="179" fontId="8" fillId="0" borderId="33" xfId="5" applyNumberFormat="1" applyFont="1" applyBorder="1" applyAlignment="1">
      <alignment horizontal="center"/>
    </xf>
    <xf numFmtId="179" fontId="8" fillId="0" borderId="14" xfId="0" applyNumberFormat="1" applyFont="1" applyBorder="1" applyAlignment="1"/>
    <xf numFmtId="0" fontId="12" fillId="0" borderId="8" xfId="5" applyFont="1" applyBorder="1"/>
    <xf numFmtId="179" fontId="12" fillId="0" borderId="14" xfId="0" applyNumberFormat="1" applyFont="1" applyBorder="1" applyAlignment="1"/>
    <xf numFmtId="179" fontId="12" fillId="0" borderId="0" xfId="5" applyNumberFormat="1" applyFont="1" applyAlignment="1">
      <alignment horizontal="right"/>
    </xf>
    <xf numFmtId="180" fontId="12" fillId="0" borderId="0" xfId="5" applyNumberFormat="1" applyFont="1"/>
    <xf numFmtId="0" fontId="12" fillId="0" borderId="3" xfId="5" applyFont="1" applyBorder="1"/>
    <xf numFmtId="0" fontId="12" fillId="0" borderId="2" xfId="5" applyFont="1" applyBorder="1"/>
    <xf numFmtId="179" fontId="12" fillId="0" borderId="18" xfId="0" applyNumberFormat="1" applyFont="1" applyBorder="1" applyAlignment="1"/>
    <xf numFmtId="179" fontId="12" fillId="0" borderId="2" xfId="5" applyNumberFormat="1" applyFont="1" applyBorder="1" applyAlignment="1">
      <alignment horizontal="right"/>
    </xf>
    <xf numFmtId="180" fontId="12" fillId="0" borderId="2" xfId="5" applyNumberFormat="1" applyFont="1" applyBorder="1"/>
    <xf numFmtId="186" fontId="12" fillId="0" borderId="21" xfId="5" applyNumberFormat="1" applyFont="1" applyBorder="1"/>
    <xf numFmtId="0" fontId="19" fillId="0" borderId="0" xfId="5" applyFont="1"/>
    <xf numFmtId="0" fontId="4" fillId="0" borderId="0" xfId="4" applyFont="1"/>
    <xf numFmtId="0" fontId="2" fillId="0" borderId="0" xfId="4" applyFont="1"/>
    <xf numFmtId="0" fontId="4" fillId="0" borderId="40" xfId="4" applyFont="1" applyBorder="1"/>
    <xf numFmtId="0" fontId="4" fillId="0" borderId="4" xfId="4" applyFont="1" applyBorder="1"/>
    <xf numFmtId="0" fontId="4" fillId="0" borderId="8" xfId="4" applyFont="1" applyBorder="1"/>
    <xf numFmtId="0" fontId="4" fillId="0" borderId="0" xfId="4" applyFont="1" applyAlignment="1">
      <alignment horizontal="center"/>
    </xf>
    <xf numFmtId="0" fontId="4" fillId="0" borderId="15" xfId="4" applyFont="1" applyBorder="1" applyAlignment="1">
      <alignment horizontal="center"/>
    </xf>
    <xf numFmtId="179" fontId="4" fillId="0" borderId="16" xfId="5" applyNumberFormat="1" applyFont="1" applyBorder="1" applyAlignment="1">
      <alignment horizontal="centerContinuous" vertical="center"/>
    </xf>
    <xf numFmtId="0" fontId="4" fillId="0" borderId="3" xfId="4" applyFont="1" applyBorder="1"/>
    <xf numFmtId="0" fontId="4" fillId="0" borderId="2" xfId="4" applyFont="1" applyBorder="1" applyAlignment="1">
      <alignment horizontal="center"/>
    </xf>
    <xf numFmtId="0" fontId="4" fillId="0" borderId="20" xfId="4" applyFont="1" applyBorder="1" applyAlignment="1">
      <alignment horizontal="center"/>
    </xf>
    <xf numFmtId="0" fontId="4" fillId="0" borderId="4" xfId="4" applyFont="1" applyBorder="1" applyAlignment="1">
      <alignment horizontal="center"/>
    </xf>
    <xf numFmtId="186" fontId="4" fillId="0" borderId="13" xfId="5" applyNumberFormat="1" applyFont="1" applyBorder="1" applyAlignment="1">
      <alignment horizontal="center"/>
    </xf>
    <xf numFmtId="187" fontId="4" fillId="0" borderId="0" xfId="5" applyNumberFormat="1" applyFont="1" applyAlignment="1">
      <alignment horizontal="right"/>
    </xf>
    <xf numFmtId="0" fontId="11" fillId="0" borderId="0" xfId="4" applyFont="1" applyAlignment="1">
      <alignment horizontal="center"/>
    </xf>
    <xf numFmtId="0" fontId="4" fillId="0" borderId="35" xfId="4" applyFont="1" applyBorder="1"/>
    <xf numFmtId="0" fontId="4" fillId="0" borderId="31" xfId="4" applyFont="1" applyBorder="1"/>
    <xf numFmtId="0" fontId="11" fillId="0" borderId="31" xfId="4" applyFont="1" applyBorder="1" applyAlignment="1">
      <alignment horizontal="center"/>
    </xf>
    <xf numFmtId="0" fontId="4" fillId="0" borderId="2" xfId="4" applyFont="1" applyBorder="1"/>
    <xf numFmtId="0" fontId="20" fillId="0" borderId="0" xfId="0" applyFont="1">
      <alignment vertical="center"/>
    </xf>
    <xf numFmtId="0" fontId="1" fillId="0" borderId="0" xfId="5"/>
    <xf numFmtId="0" fontId="4" fillId="0" borderId="0" xfId="2" applyFont="1" applyAlignment="1">
      <alignment shrinkToFit="1"/>
    </xf>
    <xf numFmtId="183" fontId="4" fillId="0" borderId="15" xfId="2" applyNumberFormat="1" applyFont="1" applyBorder="1"/>
    <xf numFmtId="180" fontId="4" fillId="0" borderId="13" xfId="2" applyNumberFormat="1" applyFont="1" applyBorder="1"/>
    <xf numFmtId="184" fontId="12" fillId="0" borderId="14" xfId="0" applyNumberFormat="1" applyFont="1" applyBorder="1" applyAlignment="1">
      <alignment horizontal="right"/>
    </xf>
    <xf numFmtId="180" fontId="11" fillId="0" borderId="13" xfId="2" applyNumberFormat="1" applyFont="1" applyBorder="1"/>
    <xf numFmtId="180" fontId="4" fillId="0" borderId="13" xfId="2" applyNumberFormat="1" applyFont="1" applyBorder="1" applyAlignment="1">
      <alignment horizontal="right"/>
    </xf>
    <xf numFmtId="0" fontId="4" fillId="0" borderId="8" xfId="2" applyFont="1" applyBorder="1" applyAlignment="1">
      <alignment horizontal="right" vertical="center"/>
    </xf>
    <xf numFmtId="180" fontId="4" fillId="0" borderId="24" xfId="2" applyNumberFormat="1" applyFont="1" applyBorder="1"/>
    <xf numFmtId="176" fontId="4" fillId="0" borderId="24" xfId="2" applyNumberFormat="1" applyFont="1" applyBorder="1" applyAlignment="1">
      <alignment horizontal="right"/>
    </xf>
    <xf numFmtId="180" fontId="4" fillId="0" borderId="24" xfId="2" applyNumberFormat="1" applyFont="1" applyBorder="1" applyAlignment="1">
      <alignment horizontal="right"/>
    </xf>
    <xf numFmtId="0" fontId="4" fillId="0" borderId="27" xfId="2" applyFont="1" applyBorder="1"/>
    <xf numFmtId="179" fontId="4" fillId="0" borderId="27" xfId="2" applyNumberFormat="1" applyFont="1" applyBorder="1"/>
    <xf numFmtId="184" fontId="4" fillId="0" borderId="27" xfId="2" applyNumberFormat="1" applyFont="1" applyBorder="1" applyAlignment="1">
      <alignment horizontal="right"/>
    </xf>
    <xf numFmtId="178" fontId="4" fillId="0" borderId="27" xfId="2" applyNumberFormat="1" applyFont="1" applyBorder="1" applyAlignment="1">
      <alignment horizontal="right"/>
    </xf>
    <xf numFmtId="179" fontId="4" fillId="0" borderId="27" xfId="2" applyNumberFormat="1" applyFont="1" applyBorder="1" applyAlignment="1">
      <alignment horizontal="right"/>
    </xf>
    <xf numFmtId="184" fontId="4" fillId="0" borderId="34" xfId="2" applyNumberFormat="1" applyFont="1" applyBorder="1"/>
    <xf numFmtId="179" fontId="8" fillId="0" borderId="11" xfId="0" applyNumberFormat="1" applyFont="1" applyBorder="1" applyAlignment="1"/>
    <xf numFmtId="184" fontId="4" fillId="0" borderId="0" xfId="2" applyNumberFormat="1" applyFont="1" applyAlignment="1">
      <alignment horizontal="right"/>
    </xf>
    <xf numFmtId="184" fontId="4" fillId="0" borderId="13" xfId="2" applyNumberFormat="1" applyFont="1" applyBorder="1"/>
    <xf numFmtId="184" fontId="11" fillId="0" borderId="0" xfId="2" quotePrefix="1" applyNumberFormat="1" applyFont="1" applyAlignment="1">
      <alignment horizontal="right"/>
    </xf>
    <xf numFmtId="184" fontId="4" fillId="0" borderId="2" xfId="2" applyNumberFormat="1" applyFont="1" applyBorder="1" applyAlignment="1">
      <alignment horizontal="right"/>
    </xf>
    <xf numFmtId="178" fontId="4" fillId="0" borderId="2" xfId="2" applyNumberFormat="1" applyFont="1" applyBorder="1" applyAlignment="1">
      <alignment horizontal="right"/>
    </xf>
    <xf numFmtId="179" fontId="4" fillId="0" borderId="2" xfId="2" applyNumberFormat="1" applyFont="1" applyBorder="1" applyAlignment="1">
      <alignment horizontal="right"/>
    </xf>
    <xf numFmtId="184" fontId="4" fillId="0" borderId="21" xfId="2" applyNumberFormat="1" applyFont="1" applyBorder="1"/>
    <xf numFmtId="176" fontId="4" fillId="0" borderId="13" xfId="0" quotePrefix="1" applyNumberFormat="1" applyFont="1" applyBorder="1" applyAlignment="1">
      <alignment horizontal="right" vertical="center"/>
    </xf>
    <xf numFmtId="180" fontId="4" fillId="0" borderId="34" xfId="2" applyNumberFormat="1" applyFont="1" applyBorder="1"/>
    <xf numFmtId="179" fontId="8" fillId="0" borderId="0" xfId="0" applyNumberFormat="1" applyFont="1" applyAlignment="1"/>
    <xf numFmtId="180" fontId="8" fillId="0" borderId="0" xfId="0" applyNumberFormat="1" applyFont="1" applyAlignment="1"/>
    <xf numFmtId="0" fontId="8" fillId="0" borderId="40" xfId="2" applyFont="1" applyBorder="1"/>
    <xf numFmtId="0" fontId="8" fillId="0" borderId="4" xfId="2" applyFont="1" applyBorder="1"/>
    <xf numFmtId="0" fontId="8" fillId="0" borderId="4" xfId="2" applyFont="1" applyBorder="1" applyAlignment="1">
      <alignment horizontal="center"/>
    </xf>
    <xf numFmtId="179" fontId="8" fillId="0" borderId="7" xfId="2" applyNumberFormat="1" applyFont="1" applyBorder="1" applyAlignment="1">
      <alignment horizontal="center"/>
    </xf>
    <xf numFmtId="56" fontId="8" fillId="0" borderId="11" xfId="2" applyNumberFormat="1" applyFont="1" applyBorder="1" applyAlignment="1">
      <alignment horizontal="centerContinuous" vertical="center"/>
    </xf>
    <xf numFmtId="0" fontId="8" fillId="0" borderId="31" xfId="2" applyFont="1" applyBorder="1" applyAlignment="1">
      <alignment horizontal="centerContinuous" vertical="center"/>
    </xf>
    <xf numFmtId="179" fontId="8" fillId="0" borderId="16" xfId="2" applyNumberFormat="1" applyFont="1" applyBorder="1" applyAlignment="1">
      <alignment horizontal="center" vertical="center"/>
    </xf>
    <xf numFmtId="0" fontId="8" fillId="0" borderId="0" xfId="2" applyFont="1" applyAlignment="1">
      <alignment horizontal="center"/>
    </xf>
    <xf numFmtId="0" fontId="8" fillId="0" borderId="3" xfId="2" applyFont="1" applyBorder="1"/>
    <xf numFmtId="0" fontId="8" fillId="0" borderId="2" xfId="2" applyFont="1" applyBorder="1" applyAlignment="1">
      <alignment horizontal="center"/>
    </xf>
    <xf numFmtId="0" fontId="8" fillId="0" borderId="19" xfId="2" applyFont="1" applyBorder="1" applyAlignment="1">
      <alignment vertical="center"/>
    </xf>
    <xf numFmtId="0" fontId="8" fillId="0" borderId="19" xfId="2" applyFont="1" applyBorder="1" applyAlignment="1">
      <alignment horizontal="center" vertical="center"/>
    </xf>
    <xf numFmtId="179" fontId="8" fillId="0" borderId="21" xfId="2" applyNumberFormat="1" applyFont="1" applyBorder="1" applyAlignment="1">
      <alignment horizontal="center" vertical="center"/>
    </xf>
    <xf numFmtId="0" fontId="8" fillId="0" borderId="40" xfId="0" applyFont="1" applyBorder="1" applyAlignment="1"/>
    <xf numFmtId="0" fontId="8" fillId="0" borderId="4" xfId="0" applyFont="1" applyBorder="1" applyAlignment="1">
      <alignment horizontal="center"/>
    </xf>
    <xf numFmtId="179" fontId="8" fillId="0" borderId="33" xfId="2" applyNumberFormat="1" applyFont="1" applyBorder="1" applyAlignment="1">
      <alignment horizontal="center"/>
    </xf>
    <xf numFmtId="0" fontId="8" fillId="0" borderId="8" xfId="0" applyFont="1" applyBorder="1">
      <alignment vertical="center"/>
    </xf>
    <xf numFmtId="0" fontId="8" fillId="0" borderId="0" xfId="0" applyFont="1">
      <alignment vertical="center"/>
    </xf>
    <xf numFmtId="179" fontId="8" fillId="0" borderId="14" xfId="2" applyNumberFormat="1" applyFont="1" applyBorder="1" applyAlignment="1">
      <alignment vertical="center"/>
    </xf>
    <xf numFmtId="179" fontId="8" fillId="0" borderId="0" xfId="2" applyNumberFormat="1" applyFont="1" applyAlignment="1">
      <alignment horizontal="right" vertical="center"/>
    </xf>
    <xf numFmtId="180" fontId="8" fillId="0" borderId="0" xfId="2" applyNumberFormat="1" applyFont="1" applyAlignment="1">
      <alignment vertical="center"/>
    </xf>
    <xf numFmtId="176" fontId="8" fillId="0" borderId="13" xfId="0" quotePrefix="1" applyNumberFormat="1" applyFont="1" applyBorder="1" applyAlignment="1">
      <alignment horizontal="right" vertical="center"/>
    </xf>
    <xf numFmtId="0" fontId="8" fillId="0" borderId="3" xfId="0" applyFont="1" applyBorder="1" applyAlignment="1"/>
    <xf numFmtId="0" fontId="8" fillId="0" borderId="2" xfId="0" applyFont="1" applyBorder="1" applyAlignment="1"/>
    <xf numFmtId="179" fontId="8" fillId="0" borderId="18" xfId="2" applyNumberFormat="1" applyFont="1" applyBorder="1"/>
    <xf numFmtId="179" fontId="8" fillId="0" borderId="2" xfId="2" applyNumberFormat="1" applyFont="1" applyBorder="1"/>
    <xf numFmtId="184" fontId="8" fillId="0" borderId="2" xfId="2" applyNumberFormat="1" applyFont="1" applyBorder="1" applyAlignment="1">
      <alignment horizontal="right"/>
    </xf>
    <xf numFmtId="178" fontId="8" fillId="0" borderId="2" xfId="2" applyNumberFormat="1" applyFont="1" applyBorder="1" applyAlignment="1">
      <alignment horizontal="right"/>
    </xf>
    <xf numFmtId="179" fontId="8" fillId="0" borderId="2" xfId="2" applyNumberFormat="1" applyFont="1" applyBorder="1" applyAlignment="1">
      <alignment horizontal="right"/>
    </xf>
    <xf numFmtId="180" fontId="8" fillId="0" borderId="2" xfId="2" applyNumberFormat="1" applyFont="1" applyBorder="1"/>
    <xf numFmtId="184" fontId="8" fillId="0" borderId="21" xfId="2" applyNumberFormat="1" applyFont="1" applyBorder="1"/>
    <xf numFmtId="179" fontId="4" fillId="0" borderId="14" xfId="1" applyNumberFormat="1" applyFont="1" applyFill="1" applyBorder="1" applyAlignment="1"/>
    <xf numFmtId="176" fontId="4" fillId="0" borderId="0" xfId="2" applyNumberFormat="1" applyFont="1" applyAlignment="1">
      <alignment vertical="center"/>
    </xf>
    <xf numFmtId="177" fontId="4" fillId="0" borderId="14" xfId="1" applyNumberFormat="1" applyFont="1" applyFill="1" applyBorder="1" applyAlignment="1"/>
    <xf numFmtId="176" fontId="4" fillId="0" borderId="0" xfId="2" applyNumberFormat="1" applyFont="1"/>
    <xf numFmtId="177" fontId="11" fillId="0" borderId="14" xfId="2" applyNumberFormat="1" applyFont="1" applyBorder="1"/>
    <xf numFmtId="177" fontId="11" fillId="0" borderId="0" xfId="2" applyNumberFormat="1" applyFont="1" applyAlignment="1">
      <alignment horizontal="right"/>
    </xf>
    <xf numFmtId="177" fontId="11" fillId="0" borderId="0" xfId="2" applyNumberFormat="1" applyFont="1"/>
    <xf numFmtId="176" fontId="11" fillId="0" borderId="0" xfId="2" applyNumberFormat="1" applyFont="1" applyAlignment="1">
      <alignment horizontal="right"/>
    </xf>
    <xf numFmtId="180" fontId="11" fillId="0" borderId="13" xfId="2" applyNumberFormat="1" applyFont="1" applyBorder="1" applyAlignment="1">
      <alignment horizontal="right"/>
    </xf>
    <xf numFmtId="180" fontId="4" fillId="0" borderId="12" xfId="2" applyNumberFormat="1" applyFont="1" applyBorder="1"/>
    <xf numFmtId="184" fontId="4" fillId="0" borderId="32" xfId="2" applyNumberFormat="1" applyFont="1" applyBorder="1"/>
    <xf numFmtId="176" fontId="11" fillId="0" borderId="0" xfId="2" applyNumberFormat="1" applyFont="1"/>
    <xf numFmtId="184" fontId="4" fillId="0" borderId="20" xfId="2" applyNumberFormat="1" applyFont="1" applyBorder="1"/>
    <xf numFmtId="0" fontId="4" fillId="0" borderId="5" xfId="2" applyFont="1" applyBorder="1"/>
    <xf numFmtId="183" fontId="4" fillId="0" borderId="13" xfId="2" quotePrefix="1" applyNumberFormat="1" applyFont="1" applyBorder="1" applyAlignment="1">
      <alignment horizontal="right"/>
    </xf>
    <xf numFmtId="183" fontId="4" fillId="0" borderId="13" xfId="2" applyNumberFormat="1" applyFont="1" applyBorder="1"/>
    <xf numFmtId="184" fontId="4" fillId="0" borderId="2" xfId="2" applyNumberFormat="1" applyFont="1" applyBorder="1"/>
    <xf numFmtId="183" fontId="4" fillId="0" borderId="21" xfId="2" applyNumberFormat="1" applyFont="1" applyBorder="1"/>
    <xf numFmtId="0" fontId="4" fillId="0" borderId="24" xfId="2" applyFont="1" applyBorder="1"/>
    <xf numFmtId="183" fontId="4" fillId="0" borderId="13" xfId="2" applyNumberFormat="1" applyFont="1" applyBorder="1" applyAlignment="1">
      <alignment horizontal="right"/>
    </xf>
    <xf numFmtId="0" fontId="10" fillId="0" borderId="0" xfId="2" applyFont="1"/>
    <xf numFmtId="0" fontId="4" fillId="0" borderId="2" xfId="0" applyFont="1" applyBorder="1" applyAlignment="1"/>
    <xf numFmtId="0" fontId="4" fillId="0" borderId="0" xfId="0" applyFont="1" applyAlignment="1">
      <alignment vertical="center" wrapText="1"/>
    </xf>
    <xf numFmtId="0" fontId="19" fillId="0" borderId="15" xfId="2" applyFont="1" applyBorder="1" applyAlignment="1">
      <alignment horizontal="left" wrapText="1"/>
    </xf>
    <xf numFmtId="179" fontId="8" fillId="0" borderId="14" xfId="0" applyNumberFormat="1" applyFont="1" applyBorder="1">
      <alignment vertical="center"/>
    </xf>
    <xf numFmtId="179" fontId="4" fillId="0" borderId="0" xfId="2" applyNumberFormat="1" applyFont="1" applyAlignment="1">
      <alignment horizontal="right" vertical="center"/>
    </xf>
    <xf numFmtId="180" fontId="4" fillId="0" borderId="0" xfId="2" applyNumberFormat="1" applyFont="1" applyAlignment="1">
      <alignment vertical="center"/>
    </xf>
    <xf numFmtId="182" fontId="4" fillId="0" borderId="13" xfId="2" quotePrefix="1" applyNumberFormat="1" applyFont="1" applyBorder="1" applyAlignment="1">
      <alignment horizontal="right" vertical="center"/>
    </xf>
    <xf numFmtId="0" fontId="11" fillId="0" borderId="0" xfId="0" applyFont="1" applyAlignment="1">
      <alignment horizontal="left"/>
    </xf>
    <xf numFmtId="176" fontId="4" fillId="0" borderId="13" xfId="2" quotePrefix="1" applyNumberFormat="1" applyFont="1" applyBorder="1" applyAlignment="1">
      <alignment horizontal="right"/>
    </xf>
    <xf numFmtId="0" fontId="2" fillId="0" borderId="0" xfId="0" applyFont="1" applyAlignment="1"/>
    <xf numFmtId="179" fontId="4" fillId="0" borderId="0" xfId="0" applyNumberFormat="1" applyFont="1">
      <alignment vertical="center"/>
    </xf>
    <xf numFmtId="0" fontId="2" fillId="0" borderId="0" xfId="0" applyFont="1" applyAlignment="1">
      <alignment horizontal="center" vertical="center"/>
    </xf>
    <xf numFmtId="0" fontId="4" fillId="0" borderId="40" xfId="0" applyFont="1" applyBorder="1" applyAlignment="1"/>
    <xf numFmtId="0" fontId="4" fillId="0" borderId="4" xfId="0" applyFont="1" applyBorder="1" applyAlignment="1">
      <alignment horizontal="center" vertical="center" textRotation="255"/>
    </xf>
    <xf numFmtId="0" fontId="4" fillId="0" borderId="4" xfId="0" applyFont="1" applyBorder="1" applyAlignment="1">
      <alignment horizontal="center" vertical="center"/>
    </xf>
    <xf numFmtId="0" fontId="4" fillId="0" borderId="8" xfId="0" applyFont="1" applyBorder="1" applyAlignment="1"/>
    <xf numFmtId="0" fontId="4" fillId="0" borderId="2" xfId="0" applyFont="1" applyBorder="1" applyAlignment="1">
      <alignment horizontal="center" vertical="center" textRotation="255"/>
    </xf>
    <xf numFmtId="0" fontId="4" fillId="0" borderId="2" xfId="0" applyFont="1" applyBorder="1" applyAlignment="1">
      <alignment horizontal="center" vertical="center"/>
    </xf>
    <xf numFmtId="0" fontId="4" fillId="0" borderId="0" xfId="0" applyFont="1" applyAlignment="1">
      <alignment horizontal="center" vertical="center" textRotation="255"/>
    </xf>
    <xf numFmtId="180" fontId="4" fillId="0" borderId="23" xfId="2" applyNumberFormat="1" applyFont="1" applyBorder="1"/>
    <xf numFmtId="0" fontId="4" fillId="0" borderId="0" xfId="0" applyFont="1" applyAlignment="1">
      <alignment vertical="top"/>
    </xf>
    <xf numFmtId="177" fontId="4" fillId="0" borderId="14" xfId="0" applyNumberFormat="1" applyFont="1" applyBorder="1" applyAlignment="1">
      <alignment horizontal="right" vertical="center"/>
    </xf>
    <xf numFmtId="177" fontId="4" fillId="0" borderId="0" xfId="0" applyNumberFormat="1" applyFont="1" applyAlignment="1">
      <alignment horizontal="right" vertical="center"/>
    </xf>
    <xf numFmtId="177" fontId="4" fillId="0" borderId="0" xfId="0" applyNumberFormat="1" applyFont="1" applyAlignment="1">
      <alignment horizontal="center" vertical="center"/>
    </xf>
    <xf numFmtId="177" fontId="4" fillId="0" borderId="0" xfId="0" applyNumberFormat="1" applyFont="1">
      <alignment vertical="center"/>
    </xf>
    <xf numFmtId="177" fontId="4" fillId="0" borderId="0" xfId="0" applyNumberFormat="1" applyFont="1" applyAlignment="1">
      <alignment horizontal="right" vertical="top"/>
    </xf>
    <xf numFmtId="177" fontId="4" fillId="0" borderId="0" xfId="0" applyNumberFormat="1" applyFont="1" applyAlignment="1">
      <alignment vertical="top"/>
    </xf>
    <xf numFmtId="0" fontId="4" fillId="0" borderId="41" xfId="0" applyFont="1" applyBorder="1" applyAlignment="1">
      <alignment horizontal="center" vertical="center" textRotation="255"/>
    </xf>
    <xf numFmtId="0" fontId="4" fillId="0" borderId="27" xfId="0" applyFont="1" applyBorder="1" applyAlignment="1">
      <alignment horizontal="center" vertical="center" textRotation="255" wrapText="1"/>
    </xf>
    <xf numFmtId="0" fontId="4" fillId="0" borderId="27" xfId="0" applyFont="1" applyBorder="1" applyAlignment="1">
      <alignment vertical="top"/>
    </xf>
    <xf numFmtId="179" fontId="4" fillId="0" borderId="26" xfId="1" applyNumberFormat="1" applyFont="1" applyFill="1" applyBorder="1" applyAlignment="1">
      <alignment vertical="top"/>
    </xf>
    <xf numFmtId="179" fontId="4" fillId="0" borderId="27" xfId="0" applyNumberFormat="1" applyFont="1" applyBorder="1" applyAlignment="1">
      <alignment vertical="top"/>
    </xf>
    <xf numFmtId="180" fontId="4" fillId="0" borderId="27" xfId="0" applyNumberFormat="1" applyFont="1" applyBorder="1" applyAlignment="1">
      <alignment vertical="top"/>
    </xf>
    <xf numFmtId="0" fontId="4" fillId="0" borderId="28" xfId="2" applyFont="1" applyBorder="1"/>
    <xf numFmtId="176" fontId="4" fillId="0" borderId="34" xfId="2" applyNumberFormat="1" applyFont="1" applyBorder="1" applyAlignment="1">
      <alignment horizontal="right"/>
    </xf>
    <xf numFmtId="0" fontId="4" fillId="0" borderId="8" xfId="0" applyFont="1" applyBorder="1" applyAlignment="1">
      <alignment horizontal="center" vertical="center" textRotation="255" wrapText="1"/>
    </xf>
    <xf numFmtId="0" fontId="4" fillId="0" borderId="0" xfId="0" applyFont="1" applyAlignment="1">
      <alignment horizontal="center" vertical="center" textRotation="255" wrapText="1"/>
    </xf>
    <xf numFmtId="179" fontId="4" fillId="0" borderId="0" xfId="0" applyNumberFormat="1" applyFont="1" applyAlignment="1">
      <alignment vertical="top"/>
    </xf>
    <xf numFmtId="180" fontId="4" fillId="0" borderId="0" xfId="0" applyNumberFormat="1" applyFont="1" applyAlignment="1">
      <alignment vertical="top"/>
    </xf>
    <xf numFmtId="0" fontId="11" fillId="0" borderId="8" xfId="0" applyFont="1" applyBorder="1" applyAlignment="1">
      <alignment horizontal="center" vertical="center"/>
    </xf>
    <xf numFmtId="0" fontId="4" fillId="0" borderId="3" xfId="0" applyFont="1" applyBorder="1" applyAlignment="1">
      <alignment horizontal="center" vertical="center" textRotation="255" wrapText="1"/>
    </xf>
    <xf numFmtId="0" fontId="4" fillId="0" borderId="2" xfId="0" applyFont="1" applyBorder="1" applyAlignment="1">
      <alignment horizontal="center" vertical="center" textRotation="255" wrapText="1"/>
    </xf>
    <xf numFmtId="0" fontId="4" fillId="0" borderId="2" xfId="0" applyFont="1" applyBorder="1" applyAlignment="1">
      <alignment vertical="top"/>
    </xf>
    <xf numFmtId="179" fontId="4" fillId="0" borderId="18" xfId="1" applyNumberFormat="1" applyFont="1" applyFill="1" applyBorder="1" applyAlignment="1">
      <alignment vertical="top"/>
    </xf>
    <xf numFmtId="179" fontId="4" fillId="0" borderId="2" xfId="0" applyNumberFormat="1" applyFont="1" applyBorder="1" applyAlignment="1">
      <alignment vertical="top"/>
    </xf>
    <xf numFmtId="180" fontId="4" fillId="0" borderId="2" xfId="0" applyNumberFormat="1" applyFont="1" applyBorder="1" applyAlignment="1">
      <alignment vertical="top"/>
    </xf>
    <xf numFmtId="0" fontId="4" fillId="0" borderId="20" xfId="2" applyFont="1" applyBorder="1"/>
    <xf numFmtId="0" fontId="4" fillId="0" borderId="21" xfId="2" applyFont="1" applyBorder="1"/>
    <xf numFmtId="179" fontId="4" fillId="0" borderId="33" xfId="2" applyNumberFormat="1" applyFont="1" applyBorder="1" applyAlignment="1">
      <alignment horizontal="center" vertical="center"/>
    </xf>
    <xf numFmtId="180" fontId="4" fillId="0" borderId="24" xfId="2" applyNumberFormat="1" applyFont="1" applyBorder="1" applyAlignment="1">
      <alignment vertical="center"/>
    </xf>
    <xf numFmtId="179" fontId="8" fillId="0" borderId="26" xfId="0" applyNumberFormat="1" applyFont="1" applyBorder="1" applyAlignment="1"/>
    <xf numFmtId="186" fontId="4" fillId="0" borderId="34" xfId="2" applyNumberFormat="1" applyFont="1" applyBorder="1"/>
    <xf numFmtId="0" fontId="4" fillId="0" borderId="18" xfId="2" applyFont="1" applyBorder="1"/>
    <xf numFmtId="186" fontId="4" fillId="0" borderId="13" xfId="2" applyNumberFormat="1" applyFont="1" applyBorder="1" applyAlignment="1">
      <alignment horizontal="right"/>
    </xf>
    <xf numFmtId="184" fontId="4" fillId="0" borderId="21" xfId="2" applyNumberFormat="1" applyFont="1" applyBorder="1" applyAlignment="1">
      <alignment horizontal="right"/>
    </xf>
    <xf numFmtId="179" fontId="8" fillId="0" borderId="0" xfId="2" applyNumberFormat="1" applyFont="1"/>
    <xf numFmtId="184" fontId="8" fillId="0" borderId="0" xfId="2" applyNumberFormat="1" applyFont="1" applyAlignment="1">
      <alignment horizontal="right"/>
    </xf>
    <xf numFmtId="179" fontId="8" fillId="0" borderId="0" xfId="2" applyNumberFormat="1" applyFont="1" applyAlignment="1">
      <alignment horizontal="right"/>
    </xf>
    <xf numFmtId="180" fontId="8" fillId="0" borderId="15" xfId="2" applyNumberFormat="1" applyFont="1" applyBorder="1"/>
    <xf numFmtId="186" fontId="8" fillId="0" borderId="13" xfId="2" applyNumberFormat="1" applyFont="1" applyBorder="1"/>
    <xf numFmtId="180" fontId="8" fillId="0" borderId="15" xfId="2" applyNumberFormat="1" applyFont="1" applyBorder="1" applyAlignment="1">
      <alignment vertical="center"/>
    </xf>
    <xf numFmtId="184" fontId="4" fillId="0" borderId="13" xfId="2" applyNumberFormat="1" applyFont="1" applyBorder="1" applyAlignment="1">
      <alignment horizontal="right"/>
    </xf>
    <xf numFmtId="184" fontId="4" fillId="0" borderId="39" xfId="2" applyNumberFormat="1" applyFont="1" applyBorder="1" applyAlignment="1">
      <alignment horizontal="right"/>
    </xf>
    <xf numFmtId="0" fontId="10" fillId="0" borderId="0" xfId="0" applyFont="1" applyAlignment="1">
      <alignment vertical="center" shrinkToFit="1"/>
    </xf>
    <xf numFmtId="0" fontId="11" fillId="0" borderId="27" xfId="2" applyFont="1" applyBorder="1"/>
    <xf numFmtId="179" fontId="8" fillId="0" borderId="27" xfId="2" applyNumberFormat="1" applyFont="1" applyBorder="1"/>
    <xf numFmtId="179" fontId="4" fillId="0" borderId="34" xfId="2" applyNumberFormat="1" applyFont="1" applyBorder="1"/>
    <xf numFmtId="180" fontId="4" fillId="0" borderId="15" xfId="2" applyNumberFormat="1" applyFont="1" applyBorder="1" applyAlignment="1">
      <alignment horizontal="right"/>
    </xf>
    <xf numFmtId="176" fontId="4" fillId="0" borderId="13" xfId="2" applyNumberFormat="1" applyFont="1" applyBorder="1" applyAlignment="1">
      <alignment horizontal="right" vertical="center"/>
    </xf>
    <xf numFmtId="0" fontId="11" fillId="0" borderId="15" xfId="0" applyFont="1" applyBorder="1" applyAlignment="1"/>
    <xf numFmtId="180" fontId="11" fillId="0" borderId="15" xfId="2" applyNumberFormat="1" applyFont="1" applyBorder="1" applyAlignment="1">
      <alignment horizontal="right"/>
    </xf>
    <xf numFmtId="0" fontId="11" fillId="0" borderId="20" xfId="0" applyFont="1" applyBorder="1" applyAlignment="1"/>
    <xf numFmtId="186" fontId="4" fillId="0" borderId="13" xfId="2" applyNumberFormat="1" applyFont="1" applyBorder="1" applyAlignment="1">
      <alignment horizontal="right" vertical="center"/>
    </xf>
    <xf numFmtId="180" fontId="4" fillId="0" borderId="15" xfId="2" applyNumberFormat="1" applyFont="1" applyBorder="1" applyAlignment="1">
      <alignment horizontal="right" vertical="center"/>
    </xf>
    <xf numFmtId="184" fontId="4" fillId="0" borderId="39" xfId="2" applyNumberFormat="1" applyFont="1" applyBorder="1"/>
    <xf numFmtId="0" fontId="4" fillId="0" borderId="0" xfId="0" applyFont="1" applyAlignment="1">
      <alignment horizontal="left"/>
    </xf>
    <xf numFmtId="183" fontId="4" fillId="0" borderId="12" xfId="2" applyNumberFormat="1" applyFont="1" applyBorder="1"/>
    <xf numFmtId="0" fontId="4" fillId="0" borderId="32" xfId="2" applyFont="1" applyBorder="1"/>
    <xf numFmtId="0" fontId="4" fillId="0" borderId="0" xfId="2" quotePrefix="1" applyFont="1" applyAlignment="1">
      <alignment horizontal="right"/>
    </xf>
    <xf numFmtId="183" fontId="11" fillId="0" borderId="15" xfId="2" applyNumberFormat="1" applyFont="1" applyBorder="1"/>
    <xf numFmtId="183" fontId="11" fillId="0" borderId="24" xfId="2" applyNumberFormat="1" applyFont="1" applyBorder="1"/>
    <xf numFmtId="179" fontId="4" fillId="0" borderId="5" xfId="2" applyNumberFormat="1" applyFont="1" applyBorder="1"/>
    <xf numFmtId="0" fontId="4" fillId="0" borderId="42" xfId="2" applyFont="1" applyBorder="1"/>
    <xf numFmtId="0" fontId="4" fillId="0" borderId="7" xfId="2" applyFont="1" applyBorder="1"/>
    <xf numFmtId="179" fontId="4" fillId="0" borderId="23" xfId="2" applyNumberFormat="1" applyFont="1" applyBorder="1" applyAlignment="1">
      <alignment vertical="center"/>
    </xf>
    <xf numFmtId="183" fontId="4" fillId="0" borderId="24" xfId="2" applyNumberFormat="1" applyFont="1" applyBorder="1" applyAlignment="1">
      <alignment horizontal="right"/>
    </xf>
    <xf numFmtId="183" fontId="4" fillId="0" borderId="28" xfId="2" applyNumberFormat="1" applyFont="1" applyBorder="1"/>
    <xf numFmtId="0" fontId="4" fillId="0" borderId="29" xfId="2" applyFont="1" applyBorder="1" applyAlignment="1">
      <alignment horizontal="right"/>
    </xf>
    <xf numFmtId="0" fontId="4" fillId="0" borderId="24" xfId="2" applyFont="1" applyBorder="1" applyAlignment="1">
      <alignment horizontal="right"/>
    </xf>
    <xf numFmtId="183" fontId="11" fillId="0" borderId="24" xfId="2" applyNumberFormat="1" applyFont="1" applyBorder="1" applyAlignment="1">
      <alignment horizontal="right"/>
    </xf>
    <xf numFmtId="183" fontId="4" fillId="0" borderId="24" xfId="2" applyNumberFormat="1" applyFont="1" applyBorder="1"/>
    <xf numFmtId="0" fontId="4" fillId="0" borderId="29" xfId="2" applyFont="1" applyBorder="1"/>
    <xf numFmtId="177" fontId="8" fillId="0" borderId="0" xfId="5" applyNumberFormat="1" applyFont="1"/>
    <xf numFmtId="178" fontId="10" fillId="0" borderId="4" xfId="2" applyNumberFormat="1" applyFont="1" applyBorder="1" applyAlignment="1">
      <alignment horizontal="left" vertical="distributed" wrapText="1"/>
    </xf>
    <xf numFmtId="0" fontId="2" fillId="0" borderId="0" xfId="2" applyFont="1" applyAlignment="1">
      <alignment horizontal="left" vertical="top" wrapText="1"/>
    </xf>
    <xf numFmtId="179" fontId="4" fillId="0" borderId="13" xfId="2" applyNumberFormat="1" applyFont="1" applyBorder="1" applyAlignment="1">
      <alignment horizontal="center" vertical="center" wrapText="1"/>
    </xf>
    <xf numFmtId="0" fontId="4" fillId="0" borderId="6" xfId="2" applyFont="1" applyBorder="1" applyAlignment="1">
      <alignment horizontal="center" vertical="distributed" textRotation="255" wrapText="1" justifyLastLine="1"/>
    </xf>
    <xf numFmtId="0" fontId="4" fillId="0" borderId="9" xfId="2" applyFont="1" applyBorder="1" applyAlignment="1">
      <alignment horizontal="center" vertical="distributed" textRotation="255" wrapText="1" justifyLastLine="1"/>
    </xf>
    <xf numFmtId="0" fontId="4" fillId="0" borderId="25" xfId="2" applyFont="1" applyBorder="1" applyAlignment="1">
      <alignment horizontal="center" vertical="distributed" textRotation="255" wrapText="1" justifyLastLine="1"/>
    </xf>
    <xf numFmtId="0" fontId="4" fillId="0" borderId="30" xfId="2" applyFont="1" applyBorder="1" applyAlignment="1">
      <alignment horizontal="center" vertical="distributed" textRotation="255" wrapText="1" justifyLastLine="1"/>
    </xf>
    <xf numFmtId="0" fontId="4" fillId="0" borderId="17" xfId="2" applyFont="1" applyBorder="1" applyAlignment="1">
      <alignment horizontal="center" vertical="distributed" textRotation="255" wrapText="1" justifyLastLine="1"/>
    </xf>
    <xf numFmtId="0" fontId="4" fillId="0" borderId="6" xfId="2" applyFont="1" applyBorder="1" applyAlignment="1">
      <alignment horizontal="center" vertical="center" textRotation="255" wrapText="1"/>
    </xf>
    <xf numFmtId="0" fontId="4" fillId="0" borderId="9" xfId="2" applyFont="1" applyBorder="1" applyAlignment="1">
      <alignment horizontal="center" vertical="center" textRotation="255" wrapText="1"/>
    </xf>
    <xf numFmtId="0" fontId="4" fillId="0" borderId="25" xfId="2" applyFont="1" applyBorder="1" applyAlignment="1">
      <alignment horizontal="center" vertical="center" textRotation="255" wrapText="1"/>
    </xf>
    <xf numFmtId="0" fontId="4" fillId="0" borderId="30" xfId="2" applyFont="1" applyBorder="1" applyAlignment="1">
      <alignment horizontal="center" vertical="center" textRotation="255" wrapText="1"/>
    </xf>
    <xf numFmtId="0" fontId="4" fillId="0" borderId="0" xfId="2" applyFont="1" applyAlignment="1">
      <alignment horizontal="left"/>
    </xf>
    <xf numFmtId="0" fontId="4" fillId="0" borderId="15" xfId="2" applyFont="1" applyBorder="1" applyAlignment="1">
      <alignment horizontal="left"/>
    </xf>
    <xf numFmtId="0" fontId="4" fillId="0" borderId="4" xfId="2" applyFont="1" applyBorder="1" applyAlignment="1">
      <alignment horizontal="left" shrinkToFit="1"/>
    </xf>
    <xf numFmtId="0" fontId="10" fillId="0" borderId="6" xfId="2" applyFont="1" applyBorder="1" applyAlignment="1">
      <alignment horizontal="center" vertical="distributed" textRotation="255" wrapText="1" justifyLastLine="1"/>
    </xf>
    <xf numFmtId="0" fontId="10" fillId="0" borderId="9" xfId="2" applyFont="1" applyBorder="1" applyAlignment="1">
      <alignment horizontal="center" vertical="distributed" textRotation="255" wrapText="1" justifyLastLine="1"/>
    </xf>
    <xf numFmtId="0" fontId="10" fillId="0" borderId="25" xfId="2" applyFont="1" applyBorder="1" applyAlignment="1">
      <alignment horizontal="center" vertical="distributed" textRotation="255" wrapText="1" justifyLastLine="1"/>
    </xf>
    <xf numFmtId="0" fontId="10" fillId="0" borderId="9" xfId="2" applyFont="1" applyBorder="1" applyAlignment="1">
      <alignment horizontal="center" vertical="distributed" textRotation="255" justifyLastLine="1"/>
    </xf>
    <xf numFmtId="0" fontId="10" fillId="0" borderId="25" xfId="2" applyFont="1" applyBorder="1" applyAlignment="1">
      <alignment horizontal="center" vertical="distributed" textRotation="255" justifyLastLine="1"/>
    </xf>
    <xf numFmtId="0" fontId="11" fillId="0" borderId="0" xfId="2" applyFont="1" applyAlignment="1">
      <alignment horizontal="center" vertical="center"/>
    </xf>
    <xf numFmtId="0" fontId="11" fillId="0" borderId="15" xfId="2" applyFont="1" applyBorder="1" applyAlignment="1">
      <alignment horizontal="center" vertical="center"/>
    </xf>
    <xf numFmtId="0" fontId="4" fillId="0" borderId="4" xfId="4" applyFont="1" applyBorder="1" applyAlignment="1">
      <alignment horizontal="left" wrapText="1"/>
    </xf>
    <xf numFmtId="0" fontId="11" fillId="0" borderId="0" xfId="2" applyFont="1" applyAlignment="1">
      <alignment horizontal="center"/>
    </xf>
    <xf numFmtId="0" fontId="11" fillId="0" borderId="15" xfId="2" applyFont="1" applyBorder="1" applyAlignment="1">
      <alignment horizontal="center"/>
    </xf>
    <xf numFmtId="0" fontId="21" fillId="0" borderId="4" xfId="2" applyFont="1" applyBorder="1" applyAlignment="1">
      <alignment horizontal="left" vertical="top" wrapText="1"/>
    </xf>
    <xf numFmtId="0" fontId="13" fillId="0" borderId="4" xfId="2" applyFont="1" applyBorder="1" applyAlignment="1">
      <alignment horizontal="left"/>
    </xf>
    <xf numFmtId="179" fontId="4" fillId="0" borderId="13" xfId="2" applyNumberFormat="1" applyFont="1" applyBorder="1" applyAlignment="1">
      <alignment horizontal="center" vertical="center"/>
    </xf>
    <xf numFmtId="0" fontId="4" fillId="0" borderId="4" xfId="0" applyFont="1" applyBorder="1" applyAlignment="1">
      <alignment horizontal="left" vertical="top" shrinkToFit="1"/>
    </xf>
    <xf numFmtId="179" fontId="8" fillId="0" borderId="13" xfId="2" applyNumberFormat="1" applyFont="1" applyBorder="1" applyAlignment="1">
      <alignment horizontal="center" vertical="center" wrapText="1"/>
    </xf>
    <xf numFmtId="0" fontId="11" fillId="0" borderId="0" xfId="0" applyFont="1" applyAlignment="1">
      <alignment horizontal="center" vertical="center"/>
    </xf>
    <xf numFmtId="0" fontId="11" fillId="0" borderId="15" xfId="0" applyFont="1" applyBorder="1" applyAlignment="1">
      <alignment horizontal="center" vertical="center"/>
    </xf>
    <xf numFmtId="0" fontId="10" fillId="0" borderId="4" xfId="0" applyFont="1" applyBorder="1" applyAlignment="1">
      <alignment horizontal="left"/>
    </xf>
    <xf numFmtId="179" fontId="4" fillId="0" borderId="13" xfId="5" applyNumberFormat="1" applyFont="1" applyBorder="1" applyAlignment="1">
      <alignment horizontal="center" vertical="center" wrapText="1"/>
    </xf>
    <xf numFmtId="0" fontId="11" fillId="0" borderId="0" xfId="5" applyFont="1" applyAlignment="1">
      <alignment horizontal="center"/>
    </xf>
    <xf numFmtId="0" fontId="11" fillId="0" borderId="15" xfId="5" applyFont="1" applyBorder="1" applyAlignment="1">
      <alignment horizontal="center"/>
    </xf>
    <xf numFmtId="0" fontId="17" fillId="0" borderId="4" xfId="0" applyFont="1" applyBorder="1" applyAlignment="1">
      <alignment horizontal="left"/>
    </xf>
    <xf numFmtId="179" fontId="8" fillId="0" borderId="13" xfId="5" applyNumberFormat="1" applyFont="1" applyBorder="1" applyAlignment="1">
      <alignment horizontal="center" vertical="center" wrapText="1"/>
    </xf>
    <xf numFmtId="0" fontId="11" fillId="0" borderId="0" xfId="4" applyFont="1" applyAlignment="1">
      <alignment horizontal="center"/>
    </xf>
    <xf numFmtId="0" fontId="10" fillId="0" borderId="4" xfId="5" applyFont="1" applyBorder="1" applyAlignment="1">
      <alignment horizontal="left"/>
    </xf>
    <xf numFmtId="0" fontId="13" fillId="0" borderId="0" xfId="0" applyFont="1" applyAlignment="1">
      <alignment horizontal="left" shrinkToFit="1"/>
    </xf>
    <xf numFmtId="0" fontId="10" fillId="0" borderId="0" xfId="0" applyFont="1" applyAlignment="1">
      <alignment horizontal="left" shrinkToFit="1"/>
    </xf>
    <xf numFmtId="0" fontId="4" fillId="0" borderId="0" xfId="0" applyFont="1" applyAlignment="1">
      <alignment horizontal="left" shrinkToFit="1"/>
    </xf>
    <xf numFmtId="0" fontId="10" fillId="0" borderId="4" xfId="0" applyFont="1" applyBorder="1" applyAlignment="1">
      <alignment shrinkToFit="1"/>
    </xf>
  </cellXfs>
  <cellStyles count="6">
    <cellStyle name="桁区切り" xfId="1" builtinId="6"/>
    <cellStyle name="桁区切り 2" xfId="3" xr:uid="{064FBAA3-3011-4873-A121-C4BC6C95C367}"/>
    <cellStyle name="標準" xfId="0" builtinId="0"/>
    <cellStyle name="標準_H22後期志願枠組み（定）" xfId="5" xr:uid="{96B436E1-2E4F-4C74-A5BA-3E6328175029}"/>
    <cellStyle name="標準_H22後期枠組み" xfId="2" xr:uid="{945846C5-6D3D-432D-A2E7-B5E8470A49A9}"/>
    <cellStyle name="標準_H22前期枠組み" xfId="4" xr:uid="{2413E5CA-8CB8-4CEE-93CC-BEEDB5EC831B}"/>
  </cellStyles>
  <dxfs count="3">
    <dxf>
      <font>
        <condense val="0"/>
        <extend val="0"/>
        <color indexed="32"/>
      </font>
      <fill>
        <patternFill>
          <bgColor indexed="44"/>
        </patternFill>
      </fill>
    </dxf>
    <dxf>
      <font>
        <b/>
        <i val="0"/>
        <condense val="0"/>
        <extend val="0"/>
        <color indexed="10"/>
      </font>
      <fill>
        <patternFill patternType="none">
          <bgColor indexed="65"/>
        </patternFill>
      </fill>
    </dxf>
    <dxf>
      <font>
        <condense val="0"/>
        <extend val="0"/>
        <color indexed="8"/>
      </font>
      <fill>
        <patternFill>
          <bgColor indexed="13"/>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4</xdr:col>
      <xdr:colOff>285750</xdr:colOff>
      <xdr:row>155</xdr:row>
      <xdr:rowOff>83241</xdr:rowOff>
    </xdr:from>
    <xdr:to>
      <xdr:col>10</xdr:col>
      <xdr:colOff>577850</xdr:colOff>
      <xdr:row>162</xdr:row>
      <xdr:rowOff>40821</xdr:rowOff>
    </xdr:to>
    <xdr:sp macro="" textlink="">
      <xdr:nvSpPr>
        <xdr:cNvPr id="2" name="テキスト ボックス 1">
          <a:extLst>
            <a:ext uri="{FF2B5EF4-FFF2-40B4-BE49-F238E27FC236}">
              <a16:creationId xmlns:a16="http://schemas.microsoft.com/office/drawing/2014/main" id="{A9D17F71-A668-4A41-ACBB-947A070E75D6}"/>
            </a:ext>
          </a:extLst>
        </xdr:cNvPr>
        <xdr:cNvSpPr txBox="1"/>
      </xdr:nvSpPr>
      <xdr:spPr>
        <a:xfrm>
          <a:off x="2114550" y="24943491"/>
          <a:ext cx="5511800" cy="96723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100">
              <a:latin typeface="ＭＳ Ｐ明朝" panose="02020600040205080304" pitchFamily="18" charset="-128"/>
              <a:ea typeface="ＭＳ Ｐ明朝" panose="02020600040205080304" pitchFamily="18" charset="-128"/>
            </a:rPr>
            <a:t>※</a:t>
          </a:r>
          <a:r>
            <a:rPr kumimoji="1" lang="ja-JP" altLang="en-US" sz="1100">
              <a:latin typeface="ＭＳ Ｐ明朝" panose="02020600040205080304" pitchFamily="18" charset="-128"/>
              <a:ea typeface="ＭＳ Ｐ明朝" panose="02020600040205080304" pitchFamily="18" charset="-128"/>
            </a:rPr>
            <a:t>普通科クリエイティブスクールは、学力検査を実施しないため、</a:t>
          </a:r>
          <a:endParaRPr kumimoji="1" lang="en-US" altLang="ja-JP" sz="1100">
            <a:latin typeface="ＭＳ Ｐ明朝" panose="02020600040205080304" pitchFamily="18" charset="-128"/>
            <a:ea typeface="ＭＳ Ｐ明朝" panose="02020600040205080304" pitchFamily="18" charset="-128"/>
          </a:endParaRPr>
        </a:p>
        <a:p>
          <a:pPr>
            <a:lnSpc>
              <a:spcPts val="1200"/>
            </a:lnSpc>
          </a:pPr>
          <a:r>
            <a:rPr kumimoji="1" lang="ja-JP" altLang="en-US" sz="1100">
              <a:latin typeface="ＭＳ Ｐ明朝" panose="02020600040205080304" pitchFamily="18" charset="-128"/>
              <a:ea typeface="ＭＳ Ｐ明朝" panose="02020600040205080304" pitchFamily="18" charset="-128"/>
            </a:rPr>
            <a:t>今回の学力検査受検状況の数値からは除いていま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114115</xdr:colOff>
      <xdr:row>182</xdr:row>
      <xdr:rowOff>746</xdr:rowOff>
    </xdr:from>
    <xdr:to>
      <xdr:col>10</xdr:col>
      <xdr:colOff>369795</xdr:colOff>
      <xdr:row>187</xdr:row>
      <xdr:rowOff>17555</xdr:rowOff>
    </xdr:to>
    <xdr:sp macro="" textlink="">
      <xdr:nvSpPr>
        <xdr:cNvPr id="2" name="テキスト ボックス 1">
          <a:extLst>
            <a:ext uri="{FF2B5EF4-FFF2-40B4-BE49-F238E27FC236}">
              <a16:creationId xmlns:a16="http://schemas.microsoft.com/office/drawing/2014/main" id="{25A8D289-E16E-4C99-BDB8-5C068BEFDE3E}"/>
            </a:ext>
          </a:extLst>
        </xdr:cNvPr>
        <xdr:cNvSpPr txBox="1"/>
      </xdr:nvSpPr>
      <xdr:spPr>
        <a:xfrm>
          <a:off x="3047815" y="28413821"/>
          <a:ext cx="5037230" cy="79785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100">
              <a:latin typeface="ＭＳ Ｐ明朝" panose="02020600040205080304" pitchFamily="18" charset="-128"/>
              <a:ea typeface="ＭＳ Ｐ明朝" panose="02020600040205080304" pitchFamily="18" charset="-128"/>
            </a:rPr>
            <a:t>※</a:t>
          </a:r>
          <a:r>
            <a:rPr kumimoji="1" lang="ja-JP" altLang="en-US" sz="1100">
              <a:latin typeface="ＭＳ Ｐ明朝" panose="02020600040205080304" pitchFamily="18" charset="-128"/>
              <a:ea typeface="ＭＳ Ｐ明朝" panose="02020600040205080304" pitchFamily="18" charset="-128"/>
            </a:rPr>
            <a:t>連携募集は、学力検査を実施しないため、</a:t>
          </a:r>
          <a:br>
            <a:rPr kumimoji="1" lang="en-US" altLang="ja-JP" sz="1100">
              <a:latin typeface="ＭＳ Ｐ明朝" panose="02020600040205080304" pitchFamily="18" charset="-128"/>
              <a:ea typeface="ＭＳ Ｐ明朝" panose="02020600040205080304" pitchFamily="18" charset="-128"/>
            </a:rPr>
          </a:br>
          <a:r>
            <a:rPr kumimoji="1" lang="ja-JP" altLang="en-US" sz="1100">
              <a:latin typeface="ＭＳ Ｐ明朝" panose="02020600040205080304" pitchFamily="18" charset="-128"/>
              <a:ea typeface="ＭＳ Ｐ明朝" panose="02020600040205080304" pitchFamily="18" charset="-128"/>
            </a:rPr>
            <a:t>今回の学力検査受検状況の数値からは除いています。</a:t>
          </a:r>
        </a:p>
      </xdr:txBody>
    </xdr:sp>
    <xdr:clientData/>
  </xdr:twoCellAnchor>
  <xdr:twoCellAnchor>
    <xdr:from>
      <xdr:col>4</xdr:col>
      <xdr:colOff>123265</xdr:colOff>
      <xdr:row>67</xdr:row>
      <xdr:rowOff>56029</xdr:rowOff>
    </xdr:from>
    <xdr:to>
      <xdr:col>9</xdr:col>
      <xdr:colOff>0</xdr:colOff>
      <xdr:row>70</xdr:row>
      <xdr:rowOff>44822</xdr:rowOff>
    </xdr:to>
    <xdr:sp macro="" textlink="">
      <xdr:nvSpPr>
        <xdr:cNvPr id="3" name="テキスト ボックス 2">
          <a:extLst>
            <a:ext uri="{FF2B5EF4-FFF2-40B4-BE49-F238E27FC236}">
              <a16:creationId xmlns:a16="http://schemas.microsoft.com/office/drawing/2014/main" id="{DC94A2C4-15FD-4C8B-94A3-79BBAFF7118C}"/>
            </a:ext>
          </a:extLst>
        </xdr:cNvPr>
        <xdr:cNvSpPr txBox="1"/>
      </xdr:nvSpPr>
      <xdr:spPr>
        <a:xfrm>
          <a:off x="3056965" y="10866904"/>
          <a:ext cx="3778250" cy="49361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050">
              <a:latin typeface="ＭＳ Ｐ明朝" panose="02020600040205080304" pitchFamily="18" charset="-128"/>
              <a:ea typeface="ＭＳ Ｐ明朝" panose="02020600040205080304" pitchFamily="18" charset="-128"/>
            </a:rPr>
            <a:t>※</a:t>
          </a:r>
          <a:r>
            <a:rPr kumimoji="1" lang="ja-JP" altLang="en-US" sz="1050">
              <a:latin typeface="ＭＳ Ｐ明朝" panose="02020600040205080304" pitchFamily="18" charset="-128"/>
              <a:ea typeface="ＭＳ Ｐ明朝" panose="02020600040205080304" pitchFamily="18" charset="-128"/>
            </a:rPr>
            <a:t>単位制総合学科クリエイティブスクールは、学力検査を実施しないため、今回の学力検査受検状況の数値からは除いています。</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81643</xdr:colOff>
      <xdr:row>116</xdr:row>
      <xdr:rowOff>0</xdr:rowOff>
    </xdr:from>
    <xdr:to>
      <xdr:col>11</xdr:col>
      <xdr:colOff>506612</xdr:colOff>
      <xdr:row>120</xdr:row>
      <xdr:rowOff>149680</xdr:rowOff>
    </xdr:to>
    <xdr:sp macro="" textlink="">
      <xdr:nvSpPr>
        <xdr:cNvPr id="2" name="テキスト ボックス 1">
          <a:extLst>
            <a:ext uri="{FF2B5EF4-FFF2-40B4-BE49-F238E27FC236}">
              <a16:creationId xmlns:a16="http://schemas.microsoft.com/office/drawing/2014/main" id="{48BE7210-B433-4D1E-858B-C0998838334E}"/>
            </a:ext>
          </a:extLst>
        </xdr:cNvPr>
        <xdr:cNvSpPr txBox="1"/>
      </xdr:nvSpPr>
      <xdr:spPr>
        <a:xfrm>
          <a:off x="2786743" y="18316575"/>
          <a:ext cx="5539894" cy="70213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100">
              <a:latin typeface="ＭＳ Ｐ明朝" panose="02020600040205080304" pitchFamily="18" charset="-128"/>
              <a:ea typeface="ＭＳ Ｐ明朝" panose="02020600040205080304" pitchFamily="18" charset="-128"/>
            </a:rPr>
            <a:t>※</a:t>
          </a:r>
          <a:r>
            <a:rPr kumimoji="1" lang="ja-JP" altLang="en-US" sz="1100">
              <a:latin typeface="ＭＳ Ｐ明朝" panose="02020600040205080304" pitchFamily="18" charset="-128"/>
              <a:ea typeface="ＭＳ Ｐ明朝" panose="02020600040205080304" pitchFamily="18" charset="-128"/>
            </a:rPr>
            <a:t>通信制の課程は、</a:t>
          </a:r>
          <a:r>
            <a:rPr kumimoji="1" lang="ja-JP" altLang="ja-JP" sz="1100">
              <a:solidFill>
                <a:schemeClr val="dk1"/>
              </a:solidFill>
              <a:effectLst/>
              <a:latin typeface="ＭＳ Ｐ明朝" panose="02020600040205080304" pitchFamily="18" charset="-128"/>
              <a:ea typeface="ＭＳ Ｐ明朝" panose="02020600040205080304" pitchFamily="18" charset="-128"/>
              <a:cs typeface="+mn-cs"/>
            </a:rPr>
            <a:t>学力検査を実施しないため、</a:t>
          </a:r>
          <a:endParaRPr lang="ja-JP" altLang="ja-JP">
            <a:effectLst/>
            <a:latin typeface="ＭＳ Ｐ明朝" panose="02020600040205080304" pitchFamily="18" charset="-128"/>
            <a:ea typeface="ＭＳ Ｐ明朝" panose="02020600040205080304" pitchFamily="18" charset="-128"/>
          </a:endParaRPr>
        </a:p>
        <a:p>
          <a:pPr>
            <a:lnSpc>
              <a:spcPts val="1200"/>
            </a:lnSpc>
          </a:pPr>
          <a:r>
            <a:rPr kumimoji="1" lang="ja-JP" altLang="en-US" sz="1100">
              <a:latin typeface="ＭＳ Ｐ明朝" panose="02020600040205080304" pitchFamily="18" charset="-128"/>
              <a:ea typeface="ＭＳ Ｐ明朝" panose="02020600040205080304" pitchFamily="18" charset="-128"/>
            </a:rPr>
            <a:t>今回の学力検査受検状況の数値からは除いています。</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101601</xdr:colOff>
      <xdr:row>90</xdr:row>
      <xdr:rowOff>76200</xdr:rowOff>
    </xdr:from>
    <xdr:to>
      <xdr:col>8</xdr:col>
      <xdr:colOff>330201</xdr:colOff>
      <xdr:row>111</xdr:row>
      <xdr:rowOff>3187</xdr:rowOff>
    </xdr:to>
    <xdr:sp macro="" textlink="">
      <xdr:nvSpPr>
        <xdr:cNvPr id="2" name="テキスト ボックス 1">
          <a:extLst>
            <a:ext uri="{FF2B5EF4-FFF2-40B4-BE49-F238E27FC236}">
              <a16:creationId xmlns:a16="http://schemas.microsoft.com/office/drawing/2014/main" id="{FA70F68D-5E7D-4F5A-8D6D-1081AF47190A}"/>
            </a:ext>
          </a:extLst>
        </xdr:cNvPr>
        <xdr:cNvSpPr txBox="1"/>
      </xdr:nvSpPr>
      <xdr:spPr>
        <a:xfrm>
          <a:off x="3987801" y="15259050"/>
          <a:ext cx="4305300" cy="3136912"/>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lnSpc>
              <a:spcPts val="1300"/>
            </a:lnSpc>
          </a:pPr>
          <a:r>
            <a:rPr kumimoji="1" lang="en-US" altLang="ja-JP" sz="1100">
              <a:latin typeface="ＭＳ Ｐ明朝" panose="02020600040205080304" pitchFamily="18" charset="-128"/>
              <a:ea typeface="ＭＳ Ｐ明朝" panose="02020600040205080304" pitchFamily="18" charset="-128"/>
            </a:rPr>
            <a:t>※</a:t>
          </a:r>
          <a:r>
            <a:rPr kumimoji="1" lang="ja-JP" altLang="en-US" sz="1100">
              <a:latin typeface="ＭＳ Ｐ明朝" panose="02020600040205080304" pitchFamily="18" charset="-128"/>
              <a:ea typeface="ＭＳ Ｐ明朝" panose="02020600040205080304" pitchFamily="18" charset="-128"/>
            </a:rPr>
            <a:t>インクルーシブ教育実践推進校特別募集は、学力検査を実施しないため、今回の学力検査受検状況の数値からは除いています。</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A77724-3CB3-48D2-979B-B282C8520CCD}">
  <sheetPr>
    <pageSetUpPr fitToPage="1"/>
  </sheetPr>
  <dimension ref="B1:L167"/>
  <sheetViews>
    <sheetView showGridLines="0" tabSelected="1" view="pageBreakPreview" zoomScale="85" zoomScaleNormal="85" zoomScaleSheetLayoutView="85" workbookViewId="0"/>
  </sheetViews>
  <sheetFormatPr defaultColWidth="9" defaultRowHeight="13.5" x14ac:dyDescent="0.15"/>
  <cols>
    <col min="1" max="1" width="1.625" style="2" customWidth="1"/>
    <col min="2" max="2" width="4.125" style="1" customWidth="1"/>
    <col min="3" max="3" width="1.5" style="1" customWidth="1"/>
    <col min="4" max="4" width="16.75" style="2" customWidth="1"/>
    <col min="5" max="5" width="10.25" style="3" bestFit="1" customWidth="1"/>
    <col min="6" max="6" width="9.25" style="4" customWidth="1"/>
    <col min="7" max="8" width="5.75" style="4" customWidth="1"/>
    <col min="9" max="9" width="9.5" style="4" customWidth="1"/>
    <col min="10" max="10" width="9.75" style="2" bestFit="1" customWidth="1"/>
    <col min="11" max="11" width="8.75" style="4" customWidth="1"/>
    <col min="12" max="12" width="1.625" style="2" customWidth="1"/>
    <col min="13" max="16384" width="9" style="2"/>
  </cols>
  <sheetData>
    <row r="1" spans="2:12" ht="23.1" customHeight="1" x14ac:dyDescent="0.15">
      <c r="K1" s="5" t="s">
        <v>3</v>
      </c>
    </row>
    <row r="2" spans="2:12" ht="32.1" customHeight="1" x14ac:dyDescent="0.15">
      <c r="B2" s="641" t="s">
        <v>424</v>
      </c>
      <c r="C2" s="641"/>
      <c r="D2" s="641"/>
      <c r="E2" s="641"/>
      <c r="F2" s="641"/>
      <c r="G2" s="641"/>
      <c r="H2" s="641"/>
      <c r="I2" s="641"/>
      <c r="J2" s="641"/>
    </row>
    <row r="3" spans="2:12" ht="15" customHeight="1" x14ac:dyDescent="0.15">
      <c r="B3" s="6" t="s">
        <v>4</v>
      </c>
      <c r="C3" s="7"/>
    </row>
    <row r="4" spans="2:12" ht="7.5" customHeight="1" x14ac:dyDescent="0.15">
      <c r="B4" s="8"/>
      <c r="C4" s="8"/>
    </row>
    <row r="5" spans="2:12" x14ac:dyDescent="0.15">
      <c r="B5" s="2" t="s">
        <v>5</v>
      </c>
      <c r="C5" s="2"/>
    </row>
    <row r="6" spans="2:12" ht="7.5" customHeight="1" x14ac:dyDescent="0.15">
      <c r="B6" s="10"/>
      <c r="C6" s="11"/>
      <c r="D6" s="12"/>
      <c r="E6" s="13"/>
      <c r="F6" s="14"/>
      <c r="G6" s="12"/>
      <c r="H6" s="12"/>
      <c r="I6" s="12"/>
      <c r="J6" s="12"/>
      <c r="K6" s="15"/>
      <c r="L6" s="16"/>
    </row>
    <row r="7" spans="2:12" ht="14.25" customHeight="1" x14ac:dyDescent="0.15">
      <c r="B7" s="17" t="s">
        <v>6</v>
      </c>
      <c r="E7" s="18"/>
      <c r="F7" s="19" t="s">
        <v>7</v>
      </c>
      <c r="G7" s="20" t="s">
        <v>8</v>
      </c>
      <c r="H7" s="21"/>
      <c r="I7" s="22"/>
      <c r="J7" s="19" t="s">
        <v>9</v>
      </c>
      <c r="K7" s="642" t="s">
        <v>10</v>
      </c>
      <c r="L7" s="16"/>
    </row>
    <row r="8" spans="2:12" ht="14.25" customHeight="1" x14ac:dyDescent="0.15">
      <c r="B8" s="17"/>
      <c r="C8" s="24"/>
      <c r="D8" s="25" t="s">
        <v>0</v>
      </c>
      <c r="E8" s="26" t="s">
        <v>11</v>
      </c>
      <c r="F8" s="27" t="s">
        <v>12</v>
      </c>
      <c r="G8" s="28" t="s">
        <v>13</v>
      </c>
      <c r="H8" s="29"/>
      <c r="I8" s="30"/>
      <c r="J8" s="31" t="s">
        <v>14</v>
      </c>
      <c r="K8" s="642"/>
      <c r="L8" s="16"/>
    </row>
    <row r="9" spans="2:12" ht="14.25" customHeight="1" x14ac:dyDescent="0.15">
      <c r="B9" s="17" t="s">
        <v>15</v>
      </c>
      <c r="D9" s="1"/>
      <c r="E9" s="26" t="s">
        <v>16</v>
      </c>
      <c r="F9" s="27"/>
      <c r="G9" s="29" t="s">
        <v>17</v>
      </c>
      <c r="H9" s="32"/>
      <c r="I9" s="30"/>
      <c r="J9" s="31" t="s">
        <v>18</v>
      </c>
      <c r="K9" s="642"/>
      <c r="L9" s="16"/>
    </row>
    <row r="10" spans="2:12" ht="7.5" customHeight="1" x14ac:dyDescent="0.15">
      <c r="B10" s="34"/>
      <c r="C10" s="35"/>
      <c r="D10" s="36"/>
      <c r="E10" s="37"/>
      <c r="F10" s="38"/>
      <c r="G10" s="39"/>
      <c r="H10" s="36"/>
      <c r="I10" s="40"/>
      <c r="J10" s="41"/>
      <c r="K10" s="42"/>
      <c r="L10" s="16"/>
    </row>
    <row r="11" spans="2:12" ht="7.5" customHeight="1" x14ac:dyDescent="0.15">
      <c r="B11" s="643" t="s">
        <v>19</v>
      </c>
      <c r="C11" s="43"/>
      <c r="D11" s="1"/>
      <c r="E11" s="44"/>
      <c r="F11" s="14"/>
      <c r="G11" s="12"/>
      <c r="H11" s="12"/>
      <c r="I11" s="12"/>
      <c r="J11" s="45"/>
      <c r="K11" s="46"/>
      <c r="L11" s="16"/>
    </row>
    <row r="12" spans="2:12" ht="14.25" customHeight="1" x14ac:dyDescent="0.15">
      <c r="B12" s="644"/>
      <c r="C12" s="47"/>
      <c r="D12" s="48" t="s">
        <v>20</v>
      </c>
      <c r="E12" s="49">
        <v>318</v>
      </c>
      <c r="F12" s="50">
        <v>381</v>
      </c>
      <c r="G12" s="50"/>
      <c r="H12" s="50"/>
      <c r="I12" s="50">
        <v>373</v>
      </c>
      <c r="J12" s="51">
        <v>1.17</v>
      </c>
      <c r="K12" s="52">
        <v>1.18</v>
      </c>
      <c r="L12" s="16"/>
    </row>
    <row r="13" spans="2:12" ht="14.25" customHeight="1" x14ac:dyDescent="0.15">
      <c r="B13" s="644"/>
      <c r="C13" s="53"/>
      <c r="D13" s="48" t="s">
        <v>21</v>
      </c>
      <c r="E13" s="49">
        <v>359</v>
      </c>
      <c r="F13" s="50">
        <v>736</v>
      </c>
      <c r="G13" s="50"/>
      <c r="H13" s="50"/>
      <c r="I13" s="50">
        <v>712</v>
      </c>
      <c r="J13" s="51">
        <v>1.98</v>
      </c>
      <c r="K13" s="52">
        <v>2</v>
      </c>
      <c r="L13" s="16"/>
    </row>
    <row r="14" spans="2:12" ht="14.25" customHeight="1" x14ac:dyDescent="0.15">
      <c r="B14" s="644"/>
      <c r="C14" s="47"/>
      <c r="D14" s="48" t="s">
        <v>22</v>
      </c>
      <c r="E14" s="49">
        <v>238</v>
      </c>
      <c r="F14" s="50">
        <v>277</v>
      </c>
      <c r="G14" s="50"/>
      <c r="H14" s="50"/>
      <c r="I14" s="50">
        <v>270</v>
      </c>
      <c r="J14" s="51">
        <v>1.1299999999999999</v>
      </c>
      <c r="K14" s="52">
        <v>1.26</v>
      </c>
      <c r="L14" s="16"/>
    </row>
    <row r="15" spans="2:12" ht="14.25" customHeight="1" x14ac:dyDescent="0.15">
      <c r="B15" s="644"/>
      <c r="C15" s="53"/>
      <c r="D15" s="48" t="s">
        <v>23</v>
      </c>
      <c r="E15" s="49">
        <v>358</v>
      </c>
      <c r="F15" s="50">
        <v>478</v>
      </c>
      <c r="G15" s="50"/>
      <c r="H15" s="50"/>
      <c r="I15" s="50">
        <v>463</v>
      </c>
      <c r="J15" s="51">
        <v>1.29</v>
      </c>
      <c r="K15" s="52">
        <v>1.31</v>
      </c>
      <c r="L15" s="16"/>
    </row>
    <row r="16" spans="2:12" ht="14.25" customHeight="1" x14ac:dyDescent="0.15">
      <c r="B16" s="644"/>
      <c r="C16" s="53"/>
      <c r="D16" s="48" t="s">
        <v>24</v>
      </c>
      <c r="E16" s="49">
        <v>398</v>
      </c>
      <c r="F16" s="50">
        <v>450</v>
      </c>
      <c r="G16" s="50"/>
      <c r="H16" s="50"/>
      <c r="I16" s="50">
        <v>438</v>
      </c>
      <c r="J16" s="51">
        <v>1.1000000000000001</v>
      </c>
      <c r="K16" s="52">
        <v>1.1599999999999999</v>
      </c>
      <c r="L16" s="16"/>
    </row>
    <row r="17" spans="2:12" ht="14.25" customHeight="1" x14ac:dyDescent="0.15">
      <c r="B17" s="644"/>
      <c r="C17" s="53"/>
      <c r="D17" s="48" t="s">
        <v>25</v>
      </c>
      <c r="E17" s="49">
        <v>318</v>
      </c>
      <c r="F17" s="50">
        <v>427</v>
      </c>
      <c r="G17" s="50"/>
      <c r="H17" s="50"/>
      <c r="I17" s="50">
        <v>423</v>
      </c>
      <c r="J17" s="51">
        <v>1.33</v>
      </c>
      <c r="K17" s="52">
        <v>1.48</v>
      </c>
      <c r="L17" s="16"/>
    </row>
    <row r="18" spans="2:12" ht="14.25" customHeight="1" x14ac:dyDescent="0.15">
      <c r="B18" s="644"/>
      <c r="C18" s="53"/>
      <c r="D18" s="48" t="s">
        <v>26</v>
      </c>
      <c r="E18" s="49">
        <v>318</v>
      </c>
      <c r="F18" s="50">
        <v>339</v>
      </c>
      <c r="G18" s="50"/>
      <c r="H18" s="50"/>
      <c r="I18" s="50">
        <v>331</v>
      </c>
      <c r="J18" s="51">
        <v>1.04</v>
      </c>
      <c r="K18" s="52">
        <v>1.1499999999999999</v>
      </c>
      <c r="L18" s="16"/>
    </row>
    <row r="19" spans="2:12" ht="14.25" customHeight="1" x14ac:dyDescent="0.15">
      <c r="B19" s="644"/>
      <c r="C19" s="53"/>
      <c r="D19" s="48" t="s">
        <v>27</v>
      </c>
      <c r="E19" s="49">
        <v>238</v>
      </c>
      <c r="F19" s="50">
        <v>224</v>
      </c>
      <c r="G19" s="50"/>
      <c r="H19" s="50"/>
      <c r="I19" s="50">
        <v>218</v>
      </c>
      <c r="J19" s="51">
        <v>0.92</v>
      </c>
      <c r="K19" s="52">
        <v>1.18</v>
      </c>
      <c r="L19" s="16"/>
    </row>
    <row r="20" spans="2:12" ht="14.25" customHeight="1" x14ac:dyDescent="0.15">
      <c r="B20" s="644"/>
      <c r="C20" s="53"/>
      <c r="D20" s="48" t="s">
        <v>28</v>
      </c>
      <c r="E20" s="49">
        <v>398</v>
      </c>
      <c r="F20" s="50">
        <v>515</v>
      </c>
      <c r="G20" s="50"/>
      <c r="H20" s="50"/>
      <c r="I20" s="50">
        <v>500</v>
      </c>
      <c r="J20" s="51">
        <v>1.26</v>
      </c>
      <c r="K20" s="52">
        <v>1.38</v>
      </c>
      <c r="L20" s="16"/>
    </row>
    <row r="21" spans="2:12" ht="14.25" customHeight="1" x14ac:dyDescent="0.15">
      <c r="B21" s="644"/>
      <c r="C21" s="53"/>
      <c r="D21" s="48" t="s">
        <v>29</v>
      </c>
      <c r="E21" s="49">
        <v>358</v>
      </c>
      <c r="F21" s="50">
        <v>432</v>
      </c>
      <c r="G21" s="50"/>
      <c r="H21" s="50"/>
      <c r="I21" s="50">
        <v>425</v>
      </c>
      <c r="J21" s="51">
        <v>1.19</v>
      </c>
      <c r="K21" s="52">
        <v>1.34</v>
      </c>
      <c r="L21" s="16"/>
    </row>
    <row r="22" spans="2:12" ht="14.25" customHeight="1" x14ac:dyDescent="0.15">
      <c r="B22" s="644"/>
      <c r="C22" s="53"/>
      <c r="D22" s="48" t="s">
        <v>30</v>
      </c>
      <c r="E22" s="49">
        <v>359</v>
      </c>
      <c r="F22" s="50">
        <v>452</v>
      </c>
      <c r="G22" s="50"/>
      <c r="H22" s="50"/>
      <c r="I22" s="50">
        <v>433</v>
      </c>
      <c r="J22" s="51">
        <v>1.21</v>
      </c>
      <c r="K22" s="52">
        <v>1.38</v>
      </c>
      <c r="L22" s="16"/>
    </row>
    <row r="23" spans="2:12" ht="14.25" customHeight="1" x14ac:dyDescent="0.15">
      <c r="B23" s="644"/>
      <c r="C23" s="53"/>
      <c r="D23" s="48" t="s">
        <v>31</v>
      </c>
      <c r="E23" s="49">
        <v>398</v>
      </c>
      <c r="F23" s="50">
        <v>473</v>
      </c>
      <c r="G23" s="50"/>
      <c r="H23" s="50"/>
      <c r="I23" s="50">
        <v>457</v>
      </c>
      <c r="J23" s="51">
        <v>1.1499999999999999</v>
      </c>
      <c r="K23" s="52">
        <v>1.28</v>
      </c>
      <c r="L23" s="16"/>
    </row>
    <row r="24" spans="2:12" ht="14.25" customHeight="1" x14ac:dyDescent="0.15">
      <c r="B24" s="644"/>
      <c r="C24" s="53"/>
      <c r="D24" s="48" t="s">
        <v>32</v>
      </c>
      <c r="E24" s="49">
        <v>346</v>
      </c>
      <c r="F24" s="50">
        <v>359</v>
      </c>
      <c r="G24" s="50"/>
      <c r="H24" s="50"/>
      <c r="I24" s="50">
        <v>348</v>
      </c>
      <c r="J24" s="51">
        <v>1.01</v>
      </c>
      <c r="K24" s="52">
        <v>1.1200000000000001</v>
      </c>
      <c r="L24" s="16"/>
    </row>
    <row r="25" spans="2:12" ht="7.5" customHeight="1" x14ac:dyDescent="0.15">
      <c r="B25" s="645"/>
      <c r="C25" s="54"/>
      <c r="D25" s="55"/>
      <c r="E25" s="56"/>
      <c r="F25" s="57"/>
      <c r="G25" s="55"/>
      <c r="H25" s="55"/>
      <c r="I25" s="55"/>
      <c r="J25" s="58"/>
      <c r="K25" s="59"/>
      <c r="L25" s="16"/>
    </row>
    <row r="26" spans="2:12" ht="7.5" customHeight="1" x14ac:dyDescent="0.15">
      <c r="B26" s="646" t="s">
        <v>33</v>
      </c>
      <c r="C26" s="60"/>
      <c r="D26" s="61"/>
      <c r="E26" s="62"/>
      <c r="F26" s="63"/>
      <c r="G26" s="61"/>
      <c r="H26" s="61"/>
      <c r="I26" s="61"/>
      <c r="J26" s="64"/>
      <c r="K26" s="65"/>
      <c r="L26" s="16"/>
    </row>
    <row r="27" spans="2:12" ht="14.25" customHeight="1" x14ac:dyDescent="0.15">
      <c r="B27" s="644"/>
      <c r="C27" s="66"/>
      <c r="D27" s="48" t="s">
        <v>34</v>
      </c>
      <c r="E27" s="49">
        <v>359</v>
      </c>
      <c r="F27" s="50">
        <v>527</v>
      </c>
      <c r="G27" s="50"/>
      <c r="H27" s="48"/>
      <c r="I27" s="50">
        <v>515</v>
      </c>
      <c r="J27" s="51">
        <v>1.43</v>
      </c>
      <c r="K27" s="52">
        <v>1.42</v>
      </c>
      <c r="L27" s="16"/>
    </row>
    <row r="28" spans="2:12" ht="14.25" customHeight="1" x14ac:dyDescent="0.15">
      <c r="B28" s="644"/>
      <c r="C28" s="66"/>
      <c r="D28" s="67" t="s">
        <v>35</v>
      </c>
      <c r="E28" s="49">
        <v>118</v>
      </c>
      <c r="F28" s="50">
        <v>94</v>
      </c>
      <c r="G28" s="50"/>
      <c r="H28" s="48"/>
      <c r="I28" s="50">
        <v>91</v>
      </c>
      <c r="J28" s="51">
        <v>0.77</v>
      </c>
      <c r="K28" s="68">
        <v>0.93</v>
      </c>
      <c r="L28" s="16"/>
    </row>
    <row r="29" spans="2:12" ht="14.25" customHeight="1" x14ac:dyDescent="0.15">
      <c r="B29" s="644"/>
      <c r="C29" s="66"/>
      <c r="D29" s="48" t="s">
        <v>36</v>
      </c>
      <c r="E29" s="49">
        <v>318</v>
      </c>
      <c r="F29" s="50">
        <v>326</v>
      </c>
      <c r="G29" s="50"/>
      <c r="H29" s="48"/>
      <c r="I29" s="50">
        <v>321</v>
      </c>
      <c r="J29" s="51">
        <v>1.01</v>
      </c>
      <c r="K29" s="52">
        <v>1.07</v>
      </c>
      <c r="L29" s="16"/>
    </row>
    <row r="30" spans="2:12" ht="14.25" customHeight="1" x14ac:dyDescent="0.15">
      <c r="B30" s="644"/>
      <c r="C30" s="66"/>
      <c r="D30" s="48" t="s">
        <v>37</v>
      </c>
      <c r="E30" s="49">
        <v>318</v>
      </c>
      <c r="F30" s="50">
        <v>410</v>
      </c>
      <c r="G30" s="50"/>
      <c r="H30" s="48"/>
      <c r="I30" s="50">
        <v>406</v>
      </c>
      <c r="J30" s="51">
        <v>1.28</v>
      </c>
      <c r="K30" s="52">
        <v>1.1100000000000001</v>
      </c>
      <c r="L30" s="16"/>
    </row>
    <row r="31" spans="2:12" ht="14.25" customHeight="1" x14ac:dyDescent="0.15">
      <c r="B31" s="644"/>
      <c r="C31" s="66"/>
      <c r="D31" s="48" t="s">
        <v>38</v>
      </c>
      <c r="E31" s="49">
        <v>318</v>
      </c>
      <c r="F31" s="50">
        <v>378</v>
      </c>
      <c r="G31" s="50"/>
      <c r="H31" s="48"/>
      <c r="I31" s="50">
        <v>372</v>
      </c>
      <c r="J31" s="51">
        <v>1.17</v>
      </c>
      <c r="K31" s="52">
        <v>1.07</v>
      </c>
      <c r="L31" s="16"/>
    </row>
    <row r="32" spans="2:12" ht="14.25" customHeight="1" x14ac:dyDescent="0.15">
      <c r="B32" s="644"/>
      <c r="C32" s="66"/>
      <c r="D32" s="48" t="s">
        <v>39</v>
      </c>
      <c r="E32" s="49">
        <v>319</v>
      </c>
      <c r="F32" s="50">
        <v>443</v>
      </c>
      <c r="G32" s="50"/>
      <c r="H32" s="48"/>
      <c r="I32" s="50">
        <v>431</v>
      </c>
      <c r="J32" s="51">
        <v>1.35</v>
      </c>
      <c r="K32" s="52">
        <v>1.32</v>
      </c>
      <c r="L32" s="16"/>
    </row>
    <row r="33" spans="2:12" ht="14.25" customHeight="1" x14ac:dyDescent="0.15">
      <c r="B33" s="644"/>
      <c r="C33" s="66"/>
      <c r="D33" s="48" t="s">
        <v>40</v>
      </c>
      <c r="E33" s="49">
        <v>279</v>
      </c>
      <c r="F33" s="50">
        <v>380</v>
      </c>
      <c r="G33" s="50"/>
      <c r="H33" s="48"/>
      <c r="I33" s="50">
        <v>375</v>
      </c>
      <c r="J33" s="51">
        <v>1.34</v>
      </c>
      <c r="K33" s="52">
        <v>1.26</v>
      </c>
      <c r="L33" s="16"/>
    </row>
    <row r="34" spans="2:12" ht="14.25" customHeight="1" x14ac:dyDescent="0.15">
      <c r="B34" s="644"/>
      <c r="C34" s="66"/>
      <c r="D34" s="48" t="s">
        <v>41</v>
      </c>
      <c r="E34" s="49">
        <v>238</v>
      </c>
      <c r="F34" s="50">
        <v>249</v>
      </c>
      <c r="G34" s="50"/>
      <c r="H34" s="48"/>
      <c r="I34" s="50">
        <v>245</v>
      </c>
      <c r="J34" s="51">
        <v>1.03</v>
      </c>
      <c r="K34" s="52">
        <v>1.05</v>
      </c>
      <c r="L34" s="16"/>
    </row>
    <row r="35" spans="2:12" ht="14.25" customHeight="1" x14ac:dyDescent="0.15">
      <c r="B35" s="644"/>
      <c r="C35" s="66"/>
      <c r="D35" s="48" t="s">
        <v>42</v>
      </c>
      <c r="E35" s="49">
        <v>358</v>
      </c>
      <c r="F35" s="50">
        <v>364</v>
      </c>
      <c r="G35" s="50"/>
      <c r="H35" s="48"/>
      <c r="I35" s="50">
        <v>358</v>
      </c>
      <c r="J35" s="51">
        <v>1</v>
      </c>
      <c r="K35" s="52">
        <v>1.1200000000000001</v>
      </c>
      <c r="L35" s="16"/>
    </row>
    <row r="36" spans="2:12" ht="14.25" customHeight="1" x14ac:dyDescent="0.15">
      <c r="B36" s="644"/>
      <c r="C36" s="66"/>
      <c r="D36" s="48" t="s">
        <v>43</v>
      </c>
      <c r="E36" s="49">
        <v>238</v>
      </c>
      <c r="F36" s="50">
        <v>243</v>
      </c>
      <c r="G36" s="50"/>
      <c r="H36" s="48"/>
      <c r="I36" s="50">
        <v>241</v>
      </c>
      <c r="J36" s="51">
        <v>1.01</v>
      </c>
      <c r="K36" s="52">
        <v>1.25</v>
      </c>
      <c r="L36" s="16"/>
    </row>
    <row r="37" spans="2:12" ht="14.25" customHeight="1" x14ac:dyDescent="0.15">
      <c r="B37" s="644"/>
      <c r="C37" s="66"/>
      <c r="D37" s="48" t="s">
        <v>44</v>
      </c>
      <c r="E37" s="49">
        <v>318</v>
      </c>
      <c r="F37" s="50">
        <v>358</v>
      </c>
      <c r="G37" s="50"/>
      <c r="H37" s="48"/>
      <c r="I37" s="50">
        <v>352</v>
      </c>
      <c r="J37" s="51">
        <v>1.1100000000000001</v>
      </c>
      <c r="K37" s="52">
        <v>1.1200000000000001</v>
      </c>
      <c r="L37" s="16"/>
    </row>
    <row r="38" spans="2:12" ht="7.5" customHeight="1" x14ac:dyDescent="0.15">
      <c r="B38" s="645"/>
      <c r="C38" s="54"/>
      <c r="D38" s="55"/>
      <c r="E38" s="56"/>
      <c r="F38" s="57"/>
      <c r="G38" s="55"/>
      <c r="H38" s="55"/>
      <c r="I38" s="55"/>
      <c r="J38" s="58"/>
      <c r="K38" s="59"/>
      <c r="L38" s="16"/>
    </row>
    <row r="39" spans="2:12" ht="7.5" customHeight="1" x14ac:dyDescent="0.15">
      <c r="B39" s="646" t="s">
        <v>45</v>
      </c>
      <c r="C39" s="60"/>
      <c r="D39" s="61"/>
      <c r="E39" s="62"/>
      <c r="F39" s="63"/>
      <c r="G39" s="61"/>
      <c r="H39" s="61"/>
      <c r="I39" s="61"/>
      <c r="J39" s="64"/>
      <c r="K39" s="65"/>
      <c r="L39" s="16"/>
    </row>
    <row r="40" spans="2:12" ht="14.25" customHeight="1" x14ac:dyDescent="0.15">
      <c r="B40" s="644"/>
      <c r="C40" s="66"/>
      <c r="D40" s="48" t="s">
        <v>46</v>
      </c>
      <c r="E40" s="49">
        <v>238</v>
      </c>
      <c r="F40" s="50">
        <v>272</v>
      </c>
      <c r="G40" s="50"/>
      <c r="H40" s="48"/>
      <c r="I40" s="50">
        <v>267</v>
      </c>
      <c r="J40" s="51">
        <v>1.1200000000000001</v>
      </c>
      <c r="K40" s="52">
        <v>1.31</v>
      </c>
      <c r="L40" s="16"/>
    </row>
    <row r="41" spans="2:12" ht="14.25" customHeight="1" x14ac:dyDescent="0.15">
      <c r="B41" s="644"/>
      <c r="C41" s="66"/>
      <c r="D41" s="48" t="s">
        <v>47</v>
      </c>
      <c r="E41" s="49">
        <v>319</v>
      </c>
      <c r="F41" s="50">
        <v>503</v>
      </c>
      <c r="G41" s="50"/>
      <c r="H41" s="48"/>
      <c r="I41" s="50">
        <v>486</v>
      </c>
      <c r="J41" s="51">
        <v>1.52</v>
      </c>
      <c r="K41" s="52">
        <v>1.52</v>
      </c>
      <c r="L41" s="16"/>
    </row>
    <row r="42" spans="2:12" ht="14.25" customHeight="1" x14ac:dyDescent="0.15">
      <c r="B42" s="644"/>
      <c r="C42" s="66"/>
      <c r="D42" s="48" t="s">
        <v>48</v>
      </c>
      <c r="E42" s="49">
        <v>279</v>
      </c>
      <c r="F42" s="50">
        <v>433</v>
      </c>
      <c r="G42" s="50"/>
      <c r="H42" s="48"/>
      <c r="I42" s="50">
        <v>425</v>
      </c>
      <c r="J42" s="51">
        <v>1.52</v>
      </c>
      <c r="K42" s="52">
        <v>1.44</v>
      </c>
      <c r="L42" s="16"/>
    </row>
    <row r="43" spans="2:12" ht="14.25" customHeight="1" x14ac:dyDescent="0.15">
      <c r="B43" s="644"/>
      <c r="C43" s="66"/>
      <c r="D43" s="48" t="s">
        <v>49</v>
      </c>
      <c r="E43" s="49">
        <v>278</v>
      </c>
      <c r="F43" s="50">
        <v>336</v>
      </c>
      <c r="G43" s="50"/>
      <c r="H43" s="48"/>
      <c r="I43" s="50">
        <v>327</v>
      </c>
      <c r="J43" s="51">
        <v>1.18</v>
      </c>
      <c r="K43" s="52">
        <v>1.35</v>
      </c>
      <c r="L43" s="16"/>
    </row>
    <row r="44" spans="2:12" ht="14.25" customHeight="1" x14ac:dyDescent="0.15">
      <c r="B44" s="644"/>
      <c r="C44" s="66"/>
      <c r="D44" s="48" t="s">
        <v>50</v>
      </c>
      <c r="E44" s="49">
        <v>358</v>
      </c>
      <c r="F44" s="50">
        <v>428</v>
      </c>
      <c r="G44" s="50"/>
      <c r="H44" s="48"/>
      <c r="I44" s="50">
        <v>423</v>
      </c>
      <c r="J44" s="51">
        <v>1.18</v>
      </c>
      <c r="K44" s="52">
        <v>1.23</v>
      </c>
      <c r="L44" s="16"/>
    </row>
    <row r="45" spans="2:12" ht="7.5" customHeight="1" x14ac:dyDescent="0.15">
      <c r="B45" s="645"/>
      <c r="C45" s="54"/>
      <c r="D45" s="55"/>
      <c r="E45" s="56"/>
      <c r="F45" s="57"/>
      <c r="G45" s="55"/>
      <c r="H45" s="55"/>
      <c r="I45" s="55"/>
      <c r="J45" s="58"/>
      <c r="K45" s="59"/>
      <c r="L45" s="16"/>
    </row>
    <row r="46" spans="2:12" ht="7.5" customHeight="1" x14ac:dyDescent="0.15">
      <c r="B46" s="646" t="s">
        <v>51</v>
      </c>
      <c r="C46" s="60"/>
      <c r="D46" s="61"/>
      <c r="E46" s="62"/>
      <c r="F46" s="63"/>
      <c r="G46" s="61"/>
      <c r="H46" s="61"/>
      <c r="I46" s="61"/>
      <c r="J46" s="64"/>
      <c r="K46" s="65"/>
      <c r="L46" s="16"/>
    </row>
    <row r="47" spans="2:12" ht="14.25" customHeight="1" x14ac:dyDescent="0.15">
      <c r="B47" s="644"/>
      <c r="C47" s="66"/>
      <c r="D47" s="48" t="s">
        <v>52</v>
      </c>
      <c r="E47" s="49">
        <v>268</v>
      </c>
      <c r="F47" s="50">
        <v>440</v>
      </c>
      <c r="G47" s="50"/>
      <c r="H47" s="48"/>
      <c r="I47" s="50">
        <v>422</v>
      </c>
      <c r="J47" s="51">
        <v>1.57</v>
      </c>
      <c r="K47" s="52">
        <v>1.79</v>
      </c>
      <c r="L47" s="16"/>
    </row>
    <row r="48" spans="2:12" ht="14.25" customHeight="1" x14ac:dyDescent="0.15">
      <c r="B48" s="644"/>
      <c r="C48" s="66"/>
      <c r="D48" s="48" t="s">
        <v>53</v>
      </c>
      <c r="E48" s="49">
        <v>358</v>
      </c>
      <c r="F48" s="50">
        <v>440</v>
      </c>
      <c r="G48" s="50"/>
      <c r="H48" s="48"/>
      <c r="I48" s="50">
        <v>429</v>
      </c>
      <c r="J48" s="51">
        <v>1.2</v>
      </c>
      <c r="K48" s="52">
        <v>1.44</v>
      </c>
      <c r="L48" s="16"/>
    </row>
    <row r="49" spans="2:12" ht="14.25" customHeight="1" x14ac:dyDescent="0.15">
      <c r="B49" s="644"/>
      <c r="C49" s="66"/>
      <c r="D49" s="69" t="s">
        <v>54</v>
      </c>
      <c r="E49" s="49">
        <v>278</v>
      </c>
      <c r="F49" s="50">
        <v>255</v>
      </c>
      <c r="G49" s="50"/>
      <c r="H49" s="48"/>
      <c r="I49" s="50">
        <v>251</v>
      </c>
      <c r="J49" s="51">
        <v>0.9</v>
      </c>
      <c r="K49" s="52">
        <v>1.07</v>
      </c>
      <c r="L49" s="16"/>
    </row>
    <row r="50" spans="2:12" ht="14.25" customHeight="1" x14ac:dyDescent="0.15">
      <c r="B50" s="644"/>
      <c r="C50" s="66"/>
      <c r="D50" s="69" t="s">
        <v>55</v>
      </c>
      <c r="E50" s="49">
        <v>279</v>
      </c>
      <c r="F50" s="50">
        <v>491</v>
      </c>
      <c r="G50" s="50"/>
      <c r="H50" s="48"/>
      <c r="I50" s="50">
        <v>466</v>
      </c>
      <c r="J50" s="51">
        <v>1.67</v>
      </c>
      <c r="K50" s="52">
        <v>1.64</v>
      </c>
      <c r="L50" s="16"/>
    </row>
    <row r="51" spans="2:12" ht="14.25" customHeight="1" x14ac:dyDescent="0.15">
      <c r="B51" s="644"/>
      <c r="C51" s="66"/>
      <c r="D51" s="48" t="s">
        <v>56</v>
      </c>
      <c r="E51" s="49">
        <v>398</v>
      </c>
      <c r="F51" s="50">
        <v>470</v>
      </c>
      <c r="G51" s="50"/>
      <c r="H51" s="48"/>
      <c r="I51" s="50">
        <v>444</v>
      </c>
      <c r="J51" s="51">
        <v>1.1200000000000001</v>
      </c>
      <c r="K51" s="52">
        <v>1.18</v>
      </c>
      <c r="L51" s="16"/>
    </row>
    <row r="52" spans="2:12" ht="14.25" customHeight="1" x14ac:dyDescent="0.15">
      <c r="B52" s="644"/>
      <c r="C52" s="66"/>
      <c r="D52" s="48" t="s">
        <v>57</v>
      </c>
      <c r="E52" s="49">
        <v>398</v>
      </c>
      <c r="F52" s="50">
        <v>384</v>
      </c>
      <c r="G52" s="50"/>
      <c r="H52" s="48"/>
      <c r="I52" s="50">
        <v>380</v>
      </c>
      <c r="J52" s="51">
        <v>0.95</v>
      </c>
      <c r="K52" s="52">
        <v>1.04</v>
      </c>
      <c r="L52" s="16"/>
    </row>
    <row r="53" spans="2:12" ht="14.25" customHeight="1" x14ac:dyDescent="0.15">
      <c r="B53" s="644"/>
      <c r="C53" s="66"/>
      <c r="D53" s="48" t="s">
        <v>58</v>
      </c>
      <c r="E53" s="49">
        <v>318</v>
      </c>
      <c r="F53" s="50">
        <v>335</v>
      </c>
      <c r="G53" s="50"/>
      <c r="H53" s="48"/>
      <c r="I53" s="50">
        <v>327</v>
      </c>
      <c r="J53" s="51">
        <v>1.03</v>
      </c>
      <c r="K53" s="52">
        <v>1.05</v>
      </c>
      <c r="L53" s="16"/>
    </row>
    <row r="54" spans="2:12" ht="14.25" customHeight="1" x14ac:dyDescent="0.15">
      <c r="B54" s="644"/>
      <c r="C54" s="66"/>
      <c r="D54" s="48" t="s">
        <v>59</v>
      </c>
      <c r="E54" s="49">
        <v>278</v>
      </c>
      <c r="F54" s="50">
        <v>162</v>
      </c>
      <c r="G54" s="50"/>
      <c r="H54" s="48"/>
      <c r="I54" s="50">
        <v>162</v>
      </c>
      <c r="J54" s="51">
        <v>0.57999999999999996</v>
      </c>
      <c r="K54" s="52">
        <v>0.96</v>
      </c>
      <c r="L54" s="16"/>
    </row>
    <row r="55" spans="2:12" ht="14.25" customHeight="1" x14ac:dyDescent="0.15">
      <c r="B55" s="644"/>
      <c r="C55" s="66"/>
      <c r="D55" s="48" t="s">
        <v>60</v>
      </c>
      <c r="E55" s="49">
        <v>318</v>
      </c>
      <c r="F55" s="50">
        <v>318</v>
      </c>
      <c r="G55" s="50"/>
      <c r="H55" s="48"/>
      <c r="I55" s="50">
        <v>305</v>
      </c>
      <c r="J55" s="51">
        <v>0.96</v>
      </c>
      <c r="K55" s="52">
        <v>1</v>
      </c>
      <c r="L55" s="16"/>
    </row>
    <row r="56" spans="2:12" ht="7.5" customHeight="1" x14ac:dyDescent="0.15">
      <c r="B56" s="647"/>
      <c r="C56" s="35"/>
      <c r="D56" s="36"/>
      <c r="E56" s="70"/>
      <c r="F56" s="71"/>
      <c r="G56" s="36"/>
      <c r="H56" s="36"/>
      <c r="I56" s="36"/>
      <c r="J56" s="40"/>
      <c r="K56" s="72"/>
      <c r="L56" s="16"/>
    </row>
    <row r="57" spans="2:12" ht="12.95" customHeight="1" x14ac:dyDescent="0.15">
      <c r="B57" s="73"/>
      <c r="C57" s="73"/>
      <c r="D57" s="73"/>
      <c r="E57" s="73"/>
      <c r="F57" s="73"/>
      <c r="G57" s="73"/>
      <c r="H57" s="73"/>
      <c r="I57" s="73"/>
      <c r="J57" s="73"/>
      <c r="K57" s="73"/>
    </row>
    <row r="58" spans="2:12" ht="7.5" customHeight="1" x14ac:dyDescent="0.15">
      <c r="B58" s="648" t="s">
        <v>61</v>
      </c>
      <c r="C58" s="74"/>
      <c r="D58" s="12"/>
      <c r="E58" s="44"/>
      <c r="F58" s="14"/>
      <c r="G58" s="12"/>
      <c r="H58" s="12"/>
      <c r="I58" s="12"/>
      <c r="J58" s="45"/>
      <c r="K58" s="75"/>
      <c r="L58" s="16"/>
    </row>
    <row r="59" spans="2:12" ht="14.25" customHeight="1" x14ac:dyDescent="0.15">
      <c r="B59" s="649"/>
      <c r="C59" s="66"/>
      <c r="D59" s="67" t="s">
        <v>62</v>
      </c>
      <c r="E59" s="49">
        <v>279</v>
      </c>
      <c r="F59" s="50">
        <v>348</v>
      </c>
      <c r="G59" s="50"/>
      <c r="H59" s="48"/>
      <c r="I59" s="50">
        <v>346</v>
      </c>
      <c r="J59" s="51">
        <v>1.24</v>
      </c>
      <c r="K59" s="76">
        <v>1.35</v>
      </c>
      <c r="L59" s="16"/>
    </row>
    <row r="60" spans="2:12" ht="14.25" customHeight="1" x14ac:dyDescent="0.15">
      <c r="B60" s="649"/>
      <c r="C60" s="66"/>
      <c r="D60" s="67" t="s">
        <v>63</v>
      </c>
      <c r="E60" s="49">
        <v>278</v>
      </c>
      <c r="F60" s="50">
        <v>321</v>
      </c>
      <c r="G60" s="50"/>
      <c r="H60" s="48"/>
      <c r="I60" s="50">
        <v>320</v>
      </c>
      <c r="J60" s="51">
        <v>1.1499999999999999</v>
      </c>
      <c r="K60" s="76">
        <v>1.1000000000000001</v>
      </c>
      <c r="L60" s="16"/>
    </row>
    <row r="61" spans="2:12" ht="14.25" customHeight="1" x14ac:dyDescent="0.15">
      <c r="B61" s="649"/>
      <c r="C61" s="66"/>
      <c r="D61" s="67" t="s">
        <v>64</v>
      </c>
      <c r="E61" s="49">
        <v>318</v>
      </c>
      <c r="F61" s="50">
        <v>349</v>
      </c>
      <c r="G61" s="50"/>
      <c r="H61" s="48"/>
      <c r="I61" s="50">
        <v>344</v>
      </c>
      <c r="J61" s="51">
        <v>1.08</v>
      </c>
      <c r="K61" s="76">
        <v>1.41</v>
      </c>
      <c r="L61" s="16"/>
    </row>
    <row r="62" spans="2:12" ht="14.25" customHeight="1" x14ac:dyDescent="0.15">
      <c r="B62" s="649"/>
      <c r="C62" s="66"/>
      <c r="D62" s="67" t="s">
        <v>65</v>
      </c>
      <c r="E62" s="49">
        <v>238</v>
      </c>
      <c r="F62" s="50">
        <v>281</v>
      </c>
      <c r="G62" s="50"/>
      <c r="H62" s="48"/>
      <c r="I62" s="50">
        <v>276</v>
      </c>
      <c r="J62" s="51">
        <v>1.1599999999999999</v>
      </c>
      <c r="K62" s="76">
        <v>1.03</v>
      </c>
      <c r="L62" s="16"/>
    </row>
    <row r="63" spans="2:12" ht="14.25" customHeight="1" x14ac:dyDescent="0.15">
      <c r="B63" s="649"/>
      <c r="C63" s="66"/>
      <c r="D63" s="67" t="s">
        <v>66</v>
      </c>
      <c r="E63" s="49">
        <v>318</v>
      </c>
      <c r="F63" s="50">
        <v>364</v>
      </c>
      <c r="G63" s="50"/>
      <c r="H63" s="48"/>
      <c r="I63" s="50">
        <v>361</v>
      </c>
      <c r="J63" s="51">
        <v>1.1399999999999999</v>
      </c>
      <c r="K63" s="76">
        <v>1.1599999999999999</v>
      </c>
      <c r="L63" s="16"/>
    </row>
    <row r="64" spans="2:12" ht="7.5" customHeight="1" x14ac:dyDescent="0.15">
      <c r="B64" s="650"/>
      <c r="C64" s="54"/>
      <c r="D64" s="77"/>
      <c r="E64" s="56"/>
      <c r="F64" s="55"/>
      <c r="G64" s="55"/>
      <c r="H64" s="55"/>
      <c r="I64" s="55"/>
      <c r="J64" s="58"/>
      <c r="K64" s="78"/>
      <c r="L64" s="16"/>
    </row>
    <row r="65" spans="2:12" ht="7.5" customHeight="1" x14ac:dyDescent="0.15">
      <c r="B65" s="651" t="s">
        <v>67</v>
      </c>
      <c r="C65" s="60"/>
      <c r="D65" s="79"/>
      <c r="E65" s="62"/>
      <c r="F65" s="61"/>
      <c r="G65" s="61"/>
      <c r="H65" s="61"/>
      <c r="I65" s="61"/>
      <c r="J65" s="64"/>
      <c r="K65" s="65"/>
      <c r="L65" s="16"/>
    </row>
    <row r="66" spans="2:12" ht="14.25" customHeight="1" x14ac:dyDescent="0.15">
      <c r="B66" s="649"/>
      <c r="C66" s="66"/>
      <c r="D66" s="67" t="s">
        <v>68</v>
      </c>
      <c r="E66" s="49">
        <v>359</v>
      </c>
      <c r="F66" s="50">
        <v>441</v>
      </c>
      <c r="G66" s="50"/>
      <c r="H66" s="48"/>
      <c r="I66" s="50">
        <v>432</v>
      </c>
      <c r="J66" s="51">
        <v>1.2</v>
      </c>
      <c r="K66" s="52">
        <v>1.31</v>
      </c>
      <c r="L66" s="16"/>
    </row>
    <row r="67" spans="2:12" ht="14.25" customHeight="1" x14ac:dyDescent="0.15">
      <c r="B67" s="649"/>
      <c r="C67" s="66"/>
      <c r="D67" s="67" t="s">
        <v>69</v>
      </c>
      <c r="E67" s="49">
        <v>358</v>
      </c>
      <c r="F67" s="50">
        <v>529</v>
      </c>
      <c r="G67" s="50"/>
      <c r="H67" s="48"/>
      <c r="I67" s="50">
        <v>521</v>
      </c>
      <c r="J67" s="51">
        <v>1.46</v>
      </c>
      <c r="K67" s="52">
        <v>1.31</v>
      </c>
      <c r="L67" s="16"/>
    </row>
    <row r="68" spans="2:12" ht="14.25" customHeight="1" x14ac:dyDescent="0.15">
      <c r="B68" s="649"/>
      <c r="C68" s="66"/>
      <c r="D68" s="67" t="s">
        <v>70</v>
      </c>
      <c r="E68" s="49">
        <v>398</v>
      </c>
      <c r="F68" s="50">
        <v>471</v>
      </c>
      <c r="G68" s="50"/>
      <c r="H68" s="48"/>
      <c r="I68" s="50">
        <v>464</v>
      </c>
      <c r="J68" s="51">
        <v>1.17</v>
      </c>
      <c r="K68" s="52">
        <v>1.29</v>
      </c>
      <c r="L68" s="16"/>
    </row>
    <row r="69" spans="2:12" ht="14.25" customHeight="1" x14ac:dyDescent="0.15">
      <c r="B69" s="649"/>
      <c r="C69" s="66"/>
      <c r="D69" s="67" t="s">
        <v>71</v>
      </c>
      <c r="E69" s="49">
        <v>359</v>
      </c>
      <c r="F69" s="50">
        <v>593</v>
      </c>
      <c r="G69" s="50"/>
      <c r="H69" s="48"/>
      <c r="I69" s="50">
        <v>564</v>
      </c>
      <c r="J69" s="51">
        <v>1.57</v>
      </c>
      <c r="K69" s="52">
        <v>1.59</v>
      </c>
      <c r="L69" s="16"/>
    </row>
    <row r="70" spans="2:12" ht="14.25" customHeight="1" x14ac:dyDescent="0.15">
      <c r="B70" s="649"/>
      <c r="C70" s="66"/>
      <c r="D70" s="67" t="s">
        <v>72</v>
      </c>
      <c r="E70" s="49">
        <v>318</v>
      </c>
      <c r="F70" s="50">
        <v>379</v>
      </c>
      <c r="G70" s="50"/>
      <c r="H70" s="48"/>
      <c r="I70" s="50">
        <v>378</v>
      </c>
      <c r="J70" s="51">
        <v>1.19</v>
      </c>
      <c r="K70" s="52">
        <v>1.42</v>
      </c>
      <c r="L70" s="16"/>
    </row>
    <row r="71" spans="2:12" ht="14.25" customHeight="1" x14ac:dyDescent="0.15">
      <c r="B71" s="649"/>
      <c r="C71" s="66"/>
      <c r="D71" s="67" t="s">
        <v>73</v>
      </c>
      <c r="E71" s="49">
        <v>238</v>
      </c>
      <c r="F71" s="50">
        <v>273</v>
      </c>
      <c r="G71" s="50"/>
      <c r="H71" s="48"/>
      <c r="I71" s="50">
        <v>271</v>
      </c>
      <c r="J71" s="51">
        <v>1.1399999999999999</v>
      </c>
      <c r="K71" s="52">
        <v>1.33</v>
      </c>
      <c r="L71" s="16"/>
    </row>
    <row r="72" spans="2:12" ht="14.25" customHeight="1" x14ac:dyDescent="0.15">
      <c r="B72" s="649"/>
      <c r="C72" s="66"/>
      <c r="D72" s="80" t="s">
        <v>74</v>
      </c>
      <c r="E72" s="49">
        <v>278</v>
      </c>
      <c r="F72" s="50">
        <v>337</v>
      </c>
      <c r="G72" s="50"/>
      <c r="H72" s="48"/>
      <c r="I72" s="50">
        <v>336</v>
      </c>
      <c r="J72" s="51">
        <v>1.21</v>
      </c>
      <c r="K72" s="52">
        <v>1.4</v>
      </c>
      <c r="L72" s="16"/>
    </row>
    <row r="73" spans="2:12" ht="14.25" customHeight="1" x14ac:dyDescent="0.15">
      <c r="B73" s="649"/>
      <c r="C73" s="66"/>
      <c r="D73" s="80" t="s">
        <v>75</v>
      </c>
      <c r="E73" s="49">
        <v>279</v>
      </c>
      <c r="F73" s="50">
        <v>371</v>
      </c>
      <c r="G73" s="50"/>
      <c r="H73" s="48"/>
      <c r="I73" s="50">
        <v>365</v>
      </c>
      <c r="J73" s="51">
        <v>1.31</v>
      </c>
      <c r="K73" s="52">
        <v>1.21</v>
      </c>
      <c r="L73" s="16"/>
    </row>
    <row r="74" spans="2:12" ht="14.25" customHeight="1" x14ac:dyDescent="0.15">
      <c r="B74" s="649"/>
      <c r="C74" s="66"/>
      <c r="D74" s="80" t="s">
        <v>76</v>
      </c>
      <c r="E74" s="49">
        <v>383</v>
      </c>
      <c r="F74" s="50">
        <v>438</v>
      </c>
      <c r="G74" s="50"/>
      <c r="H74" s="48"/>
      <c r="I74" s="50">
        <v>431</v>
      </c>
      <c r="J74" s="51">
        <v>1.1299999999999999</v>
      </c>
      <c r="K74" s="52">
        <v>1.17</v>
      </c>
      <c r="L74" s="16"/>
    </row>
    <row r="75" spans="2:12" ht="14.25" customHeight="1" x14ac:dyDescent="0.15">
      <c r="B75" s="649"/>
      <c r="C75" s="66"/>
      <c r="D75" s="67" t="s">
        <v>77</v>
      </c>
      <c r="E75" s="49">
        <v>358</v>
      </c>
      <c r="F75" s="50">
        <v>371</v>
      </c>
      <c r="G75" s="50"/>
      <c r="H75" s="48"/>
      <c r="I75" s="50">
        <v>365</v>
      </c>
      <c r="J75" s="51">
        <v>1.02</v>
      </c>
      <c r="K75" s="52">
        <v>1.1399999999999999</v>
      </c>
      <c r="L75" s="16"/>
    </row>
    <row r="76" spans="2:12" ht="14.25" customHeight="1" x14ac:dyDescent="0.15">
      <c r="B76" s="649"/>
      <c r="C76" s="66"/>
      <c r="D76" s="67" t="s">
        <v>78</v>
      </c>
      <c r="E76" s="49">
        <v>238</v>
      </c>
      <c r="F76" s="50">
        <v>132</v>
      </c>
      <c r="G76" s="50"/>
      <c r="H76" s="48"/>
      <c r="I76" s="50">
        <v>130</v>
      </c>
      <c r="J76" s="51">
        <v>0.55000000000000004</v>
      </c>
      <c r="K76" s="52">
        <v>0.57999999999999996</v>
      </c>
      <c r="L76" s="16"/>
    </row>
    <row r="77" spans="2:12" ht="7.5" customHeight="1" x14ac:dyDescent="0.15">
      <c r="B77" s="650"/>
      <c r="C77" s="54"/>
      <c r="D77" s="77"/>
      <c r="E77" s="56"/>
      <c r="F77" s="81"/>
      <c r="G77" s="81"/>
      <c r="H77" s="82"/>
      <c r="I77" s="81"/>
      <c r="J77" s="58"/>
      <c r="K77" s="59"/>
      <c r="L77" s="16"/>
    </row>
    <row r="78" spans="2:12" ht="7.5" customHeight="1" x14ac:dyDescent="0.15">
      <c r="B78" s="651" t="s">
        <v>79</v>
      </c>
      <c r="C78" s="60"/>
      <c r="D78" s="79"/>
      <c r="E78" s="62"/>
      <c r="F78" s="61"/>
      <c r="G78" s="61"/>
      <c r="H78" s="61"/>
      <c r="I78" s="61"/>
      <c r="J78" s="64"/>
      <c r="K78" s="65"/>
      <c r="L78" s="16"/>
    </row>
    <row r="79" spans="2:12" ht="14.25" customHeight="1" x14ac:dyDescent="0.15">
      <c r="B79" s="649"/>
      <c r="C79" s="66"/>
      <c r="D79" s="67" t="s">
        <v>80</v>
      </c>
      <c r="E79" s="49">
        <v>319</v>
      </c>
      <c r="F79" s="50">
        <v>374</v>
      </c>
      <c r="G79" s="50"/>
      <c r="H79" s="48"/>
      <c r="I79" s="50">
        <v>365</v>
      </c>
      <c r="J79" s="51">
        <v>1.1399999999999999</v>
      </c>
      <c r="K79" s="52">
        <v>1.37</v>
      </c>
      <c r="L79" s="16"/>
    </row>
    <row r="80" spans="2:12" ht="14.25" customHeight="1" x14ac:dyDescent="0.15">
      <c r="B80" s="649"/>
      <c r="C80" s="66"/>
      <c r="D80" s="67" t="s">
        <v>81</v>
      </c>
      <c r="E80" s="49">
        <v>228</v>
      </c>
      <c r="F80" s="50">
        <v>249</v>
      </c>
      <c r="G80" s="50"/>
      <c r="H80" s="48"/>
      <c r="I80" s="50">
        <v>246</v>
      </c>
      <c r="J80" s="51">
        <v>1.08</v>
      </c>
      <c r="K80" s="52">
        <v>1.08</v>
      </c>
      <c r="L80" s="16"/>
    </row>
    <row r="81" spans="2:12" ht="14.25" customHeight="1" x14ac:dyDescent="0.15">
      <c r="B81" s="649"/>
      <c r="C81" s="66"/>
      <c r="D81" s="67" t="s">
        <v>82</v>
      </c>
      <c r="E81" s="49">
        <v>278</v>
      </c>
      <c r="F81" s="50">
        <v>346</v>
      </c>
      <c r="G81" s="50"/>
      <c r="H81" s="48"/>
      <c r="I81" s="50">
        <v>344</v>
      </c>
      <c r="J81" s="51">
        <v>1.24</v>
      </c>
      <c r="K81" s="52">
        <v>1.21</v>
      </c>
      <c r="L81" s="16"/>
    </row>
    <row r="82" spans="2:12" ht="14.25" customHeight="1" x14ac:dyDescent="0.15">
      <c r="B82" s="649"/>
      <c r="C82" s="66"/>
      <c r="D82" s="67" t="s">
        <v>83</v>
      </c>
      <c r="E82" s="49">
        <v>238</v>
      </c>
      <c r="F82" s="50">
        <v>84</v>
      </c>
      <c r="G82" s="50"/>
      <c r="H82" s="48"/>
      <c r="I82" s="50">
        <v>83</v>
      </c>
      <c r="J82" s="51">
        <v>0.35</v>
      </c>
      <c r="K82" s="52">
        <v>0.85</v>
      </c>
      <c r="L82" s="16"/>
    </row>
    <row r="83" spans="2:12" ht="14.25" customHeight="1" x14ac:dyDescent="0.15">
      <c r="B83" s="649"/>
      <c r="C83" s="66"/>
      <c r="D83" s="67" t="s">
        <v>84</v>
      </c>
      <c r="E83" s="49">
        <v>358</v>
      </c>
      <c r="F83" s="50">
        <v>414</v>
      </c>
      <c r="G83" s="50"/>
      <c r="H83" s="48"/>
      <c r="I83" s="50">
        <v>407</v>
      </c>
      <c r="J83" s="51">
        <v>1.1399999999999999</v>
      </c>
      <c r="K83" s="52">
        <v>1.06</v>
      </c>
      <c r="L83" s="16"/>
    </row>
    <row r="84" spans="2:12" ht="14.25" customHeight="1" x14ac:dyDescent="0.15">
      <c r="B84" s="649"/>
      <c r="C84" s="66"/>
      <c r="D84" s="67" t="s">
        <v>85</v>
      </c>
      <c r="E84" s="49">
        <v>278</v>
      </c>
      <c r="F84" s="50">
        <v>247</v>
      </c>
      <c r="G84" s="50"/>
      <c r="H84" s="48"/>
      <c r="I84" s="50">
        <v>246</v>
      </c>
      <c r="J84" s="51">
        <v>0.88</v>
      </c>
      <c r="K84" s="52">
        <v>0.95</v>
      </c>
      <c r="L84" s="16"/>
    </row>
    <row r="85" spans="2:12" ht="14.25" customHeight="1" x14ac:dyDescent="0.15">
      <c r="B85" s="649"/>
      <c r="C85" s="66"/>
      <c r="D85" s="67" t="s">
        <v>86</v>
      </c>
      <c r="E85" s="49">
        <v>228</v>
      </c>
      <c r="F85" s="50">
        <v>255</v>
      </c>
      <c r="G85" s="50"/>
      <c r="H85" s="48"/>
      <c r="I85" s="50">
        <v>252</v>
      </c>
      <c r="J85" s="51">
        <v>1.1100000000000001</v>
      </c>
      <c r="K85" s="52">
        <v>1.28</v>
      </c>
      <c r="L85" s="16"/>
    </row>
    <row r="86" spans="2:12" ht="14.25" customHeight="1" x14ac:dyDescent="0.15">
      <c r="B86" s="649"/>
      <c r="C86" s="66"/>
      <c r="D86" s="67" t="s">
        <v>87</v>
      </c>
      <c r="E86" s="49">
        <v>308</v>
      </c>
      <c r="F86" s="50">
        <v>331</v>
      </c>
      <c r="G86" s="50"/>
      <c r="H86" s="48"/>
      <c r="I86" s="50">
        <v>330</v>
      </c>
      <c r="J86" s="51">
        <v>1.07</v>
      </c>
      <c r="K86" s="52">
        <v>1.1399999999999999</v>
      </c>
      <c r="L86" s="16"/>
    </row>
    <row r="87" spans="2:12" ht="7.5" customHeight="1" x14ac:dyDescent="0.15">
      <c r="B87" s="650"/>
      <c r="C87" s="54"/>
      <c r="D87" s="77"/>
      <c r="E87" s="56"/>
      <c r="F87" s="55"/>
      <c r="G87" s="55"/>
      <c r="H87" s="55"/>
      <c r="I87" s="55"/>
      <c r="J87" s="58"/>
      <c r="K87" s="59"/>
      <c r="L87" s="16"/>
    </row>
    <row r="88" spans="2:12" ht="7.5" customHeight="1" x14ac:dyDescent="0.15">
      <c r="B88" s="646" t="s">
        <v>88</v>
      </c>
      <c r="C88" s="60"/>
      <c r="D88" s="79"/>
      <c r="E88" s="62"/>
      <c r="F88" s="61"/>
      <c r="G88" s="61"/>
      <c r="H88" s="61"/>
      <c r="I88" s="61"/>
      <c r="J88" s="64"/>
      <c r="K88" s="65"/>
      <c r="L88" s="16"/>
    </row>
    <row r="89" spans="2:12" ht="14.25" customHeight="1" x14ac:dyDescent="0.15">
      <c r="B89" s="644"/>
      <c r="C89" s="66"/>
      <c r="D89" s="83" t="s">
        <v>89</v>
      </c>
      <c r="E89" s="84">
        <v>118</v>
      </c>
      <c r="F89" s="50">
        <v>67</v>
      </c>
      <c r="G89" s="50"/>
      <c r="H89" s="48"/>
      <c r="I89" s="50">
        <v>66</v>
      </c>
      <c r="J89" s="51">
        <v>0.56000000000000005</v>
      </c>
      <c r="K89" s="68">
        <v>0.76</v>
      </c>
      <c r="L89" s="16"/>
    </row>
    <row r="90" spans="2:12" ht="14.25" customHeight="1" x14ac:dyDescent="0.15">
      <c r="B90" s="644"/>
      <c r="C90" s="66"/>
      <c r="D90" s="67" t="s">
        <v>90</v>
      </c>
      <c r="E90" s="84">
        <v>348</v>
      </c>
      <c r="F90" s="50">
        <v>340</v>
      </c>
      <c r="G90" s="50"/>
      <c r="H90" s="48"/>
      <c r="I90" s="50">
        <v>336</v>
      </c>
      <c r="J90" s="51">
        <v>0.97</v>
      </c>
      <c r="K90" s="52">
        <v>1.1499999999999999</v>
      </c>
      <c r="L90" s="16"/>
    </row>
    <row r="91" spans="2:12" ht="14.25" customHeight="1" x14ac:dyDescent="0.15">
      <c r="B91" s="644"/>
      <c r="C91" s="66"/>
      <c r="D91" s="67" t="s">
        <v>91</v>
      </c>
      <c r="E91" s="84">
        <v>238</v>
      </c>
      <c r="F91" s="50">
        <v>239</v>
      </c>
      <c r="G91" s="50"/>
      <c r="H91" s="48"/>
      <c r="I91" s="50">
        <v>238</v>
      </c>
      <c r="J91" s="51">
        <v>1</v>
      </c>
      <c r="K91" s="52">
        <v>0.85</v>
      </c>
      <c r="L91" s="16"/>
    </row>
    <row r="92" spans="2:12" ht="14.25" customHeight="1" x14ac:dyDescent="0.15">
      <c r="B92" s="644"/>
      <c r="C92" s="66"/>
      <c r="D92" s="67" t="s">
        <v>92</v>
      </c>
      <c r="E92" s="84">
        <v>198</v>
      </c>
      <c r="F92" s="50">
        <v>153</v>
      </c>
      <c r="G92" s="50"/>
      <c r="H92" s="48"/>
      <c r="I92" s="50">
        <v>151</v>
      </c>
      <c r="J92" s="51">
        <v>0.76</v>
      </c>
      <c r="K92" s="52">
        <v>0.91</v>
      </c>
      <c r="L92" s="16"/>
    </row>
    <row r="93" spans="2:12" ht="7.5" customHeight="1" x14ac:dyDescent="0.15">
      <c r="B93" s="644"/>
      <c r="C93" s="43"/>
      <c r="D93" s="85"/>
      <c r="E93" s="86"/>
      <c r="F93" s="1"/>
      <c r="G93" s="1"/>
      <c r="H93" s="1"/>
      <c r="I93" s="1"/>
      <c r="J93" s="33"/>
      <c r="K93" s="87"/>
      <c r="L93" s="16"/>
    </row>
    <row r="94" spans="2:12" ht="7.5" customHeight="1" x14ac:dyDescent="0.15">
      <c r="B94" s="646" t="s">
        <v>93</v>
      </c>
      <c r="C94" s="60"/>
      <c r="D94" s="79"/>
      <c r="E94" s="62"/>
      <c r="F94" s="61"/>
      <c r="G94" s="61"/>
      <c r="H94" s="61"/>
      <c r="I94" s="61"/>
      <c r="J94" s="64"/>
      <c r="K94" s="65"/>
      <c r="L94" s="16"/>
    </row>
    <row r="95" spans="2:12" ht="14.25" customHeight="1" x14ac:dyDescent="0.15">
      <c r="B95" s="644"/>
      <c r="C95" s="66"/>
      <c r="D95" s="67" t="s">
        <v>94</v>
      </c>
      <c r="E95" s="49">
        <v>359</v>
      </c>
      <c r="F95" s="50">
        <v>450</v>
      </c>
      <c r="G95" s="50"/>
      <c r="H95" s="48"/>
      <c r="I95" s="50">
        <v>439</v>
      </c>
      <c r="J95" s="51">
        <v>1.22</v>
      </c>
      <c r="K95" s="52">
        <v>1.1399999999999999</v>
      </c>
      <c r="L95" s="16"/>
    </row>
    <row r="96" spans="2:12" ht="14.25" customHeight="1" x14ac:dyDescent="0.15">
      <c r="B96" s="644"/>
      <c r="C96" s="66"/>
      <c r="D96" s="67" t="s">
        <v>95</v>
      </c>
      <c r="E96" s="49">
        <v>198</v>
      </c>
      <c r="F96" s="50">
        <v>214</v>
      </c>
      <c r="G96" s="50"/>
      <c r="H96" s="48"/>
      <c r="I96" s="50">
        <v>214</v>
      </c>
      <c r="J96" s="51">
        <v>1.08</v>
      </c>
      <c r="K96" s="52">
        <v>1.07</v>
      </c>
      <c r="L96" s="16"/>
    </row>
    <row r="97" spans="2:12" ht="14.25" customHeight="1" x14ac:dyDescent="0.15">
      <c r="B97" s="644"/>
      <c r="C97" s="66"/>
      <c r="D97" s="67" t="s">
        <v>96</v>
      </c>
      <c r="E97" s="49">
        <v>238</v>
      </c>
      <c r="F97" s="50">
        <v>253</v>
      </c>
      <c r="G97" s="50"/>
      <c r="H97" s="48"/>
      <c r="I97" s="50">
        <v>252</v>
      </c>
      <c r="J97" s="51">
        <v>1.06</v>
      </c>
      <c r="K97" s="52">
        <v>1.03</v>
      </c>
      <c r="L97" s="16"/>
    </row>
    <row r="98" spans="2:12" ht="14.25" customHeight="1" x14ac:dyDescent="0.15">
      <c r="B98" s="644"/>
      <c r="C98" s="66"/>
      <c r="D98" s="67" t="s">
        <v>97</v>
      </c>
      <c r="E98" s="49">
        <v>238</v>
      </c>
      <c r="F98" s="50">
        <v>204</v>
      </c>
      <c r="G98" s="50"/>
      <c r="H98" s="48"/>
      <c r="I98" s="50">
        <v>203</v>
      </c>
      <c r="J98" s="51">
        <v>0.85</v>
      </c>
      <c r="K98" s="52">
        <v>1.1200000000000001</v>
      </c>
      <c r="L98" s="16"/>
    </row>
    <row r="99" spans="2:12" ht="14.25" customHeight="1" x14ac:dyDescent="0.15">
      <c r="B99" s="644"/>
      <c r="C99" s="66"/>
      <c r="D99" s="67" t="s">
        <v>98</v>
      </c>
      <c r="E99" s="49">
        <v>398</v>
      </c>
      <c r="F99" s="50">
        <v>473</v>
      </c>
      <c r="G99" s="50"/>
      <c r="H99" s="48"/>
      <c r="I99" s="50">
        <v>461</v>
      </c>
      <c r="J99" s="51">
        <v>1.1599999999999999</v>
      </c>
      <c r="K99" s="52">
        <v>1.24</v>
      </c>
      <c r="L99" s="16"/>
    </row>
    <row r="100" spans="2:12" ht="14.25" customHeight="1" x14ac:dyDescent="0.15">
      <c r="B100" s="644"/>
      <c r="C100" s="66"/>
      <c r="D100" s="67" t="s">
        <v>99</v>
      </c>
      <c r="E100" s="49">
        <v>318</v>
      </c>
      <c r="F100" s="50">
        <v>345</v>
      </c>
      <c r="G100" s="50"/>
      <c r="H100" s="48"/>
      <c r="I100" s="50">
        <v>343</v>
      </c>
      <c r="J100" s="51">
        <v>1.08</v>
      </c>
      <c r="K100" s="52">
        <v>1.1299999999999999</v>
      </c>
      <c r="L100" s="16"/>
    </row>
    <row r="101" spans="2:12" ht="14.25" customHeight="1" x14ac:dyDescent="0.15">
      <c r="B101" s="644"/>
      <c r="C101" s="66"/>
      <c r="D101" s="67" t="s">
        <v>100</v>
      </c>
      <c r="E101" s="49">
        <v>178</v>
      </c>
      <c r="F101" s="50">
        <v>97</v>
      </c>
      <c r="G101" s="50"/>
      <c r="H101" s="48"/>
      <c r="I101" s="50">
        <v>95</v>
      </c>
      <c r="J101" s="51">
        <v>0.53</v>
      </c>
      <c r="K101" s="52">
        <v>0.52</v>
      </c>
      <c r="L101" s="16"/>
    </row>
    <row r="102" spans="2:12" ht="14.25" customHeight="1" x14ac:dyDescent="0.15">
      <c r="B102" s="644"/>
      <c r="C102" s="66"/>
      <c r="D102" s="67" t="s">
        <v>101</v>
      </c>
      <c r="E102" s="49">
        <v>279</v>
      </c>
      <c r="F102" s="50">
        <v>379</v>
      </c>
      <c r="G102" s="50"/>
      <c r="H102" s="48"/>
      <c r="I102" s="50">
        <v>364</v>
      </c>
      <c r="J102" s="51">
        <v>1.3</v>
      </c>
      <c r="K102" s="52">
        <v>1.54</v>
      </c>
      <c r="L102" s="16"/>
    </row>
    <row r="103" spans="2:12" ht="14.25" customHeight="1" x14ac:dyDescent="0.15">
      <c r="B103" s="644"/>
      <c r="C103" s="66"/>
      <c r="D103" s="67" t="s">
        <v>102</v>
      </c>
      <c r="E103" s="49">
        <v>308</v>
      </c>
      <c r="F103" s="50">
        <v>307</v>
      </c>
      <c r="G103" s="50"/>
      <c r="H103" s="48"/>
      <c r="I103" s="50">
        <v>307</v>
      </c>
      <c r="J103" s="51">
        <v>1</v>
      </c>
      <c r="K103" s="52">
        <v>1.06</v>
      </c>
      <c r="L103" s="16"/>
    </row>
    <row r="104" spans="2:12" ht="14.25" customHeight="1" x14ac:dyDescent="0.15">
      <c r="B104" s="644"/>
      <c r="C104" s="66"/>
      <c r="D104" s="67" t="s">
        <v>103</v>
      </c>
      <c r="E104" s="49">
        <v>278</v>
      </c>
      <c r="F104" s="50">
        <v>321</v>
      </c>
      <c r="G104" s="50"/>
      <c r="H104" s="48"/>
      <c r="I104" s="50">
        <v>317</v>
      </c>
      <c r="J104" s="51">
        <v>1.1399999999999999</v>
      </c>
      <c r="K104" s="52">
        <v>1.03</v>
      </c>
      <c r="L104" s="16"/>
    </row>
    <row r="105" spans="2:12" ht="14.25" customHeight="1" x14ac:dyDescent="0.15">
      <c r="B105" s="644"/>
      <c r="C105" s="66"/>
      <c r="D105" s="67" t="s">
        <v>104</v>
      </c>
      <c r="E105" s="49">
        <v>318</v>
      </c>
      <c r="F105" s="50">
        <v>421</v>
      </c>
      <c r="G105" s="50"/>
      <c r="H105" s="48"/>
      <c r="I105" s="50">
        <v>417</v>
      </c>
      <c r="J105" s="51">
        <v>1.31</v>
      </c>
      <c r="K105" s="52">
        <v>1.31</v>
      </c>
      <c r="L105" s="16"/>
    </row>
    <row r="106" spans="2:12" ht="14.25" customHeight="1" x14ac:dyDescent="0.15">
      <c r="B106" s="644"/>
      <c r="C106" s="66"/>
      <c r="D106" s="67" t="s">
        <v>105</v>
      </c>
      <c r="E106" s="49">
        <v>318</v>
      </c>
      <c r="F106" s="50">
        <v>324</v>
      </c>
      <c r="G106" s="50"/>
      <c r="H106" s="48"/>
      <c r="I106" s="50">
        <v>321</v>
      </c>
      <c r="J106" s="51">
        <v>1.01</v>
      </c>
      <c r="K106" s="52">
        <v>0.97</v>
      </c>
      <c r="L106" s="16"/>
    </row>
    <row r="107" spans="2:12" ht="14.25" customHeight="1" x14ac:dyDescent="0.15">
      <c r="B107" s="644"/>
      <c r="C107" s="66"/>
      <c r="D107" s="67" t="s">
        <v>106</v>
      </c>
      <c r="E107" s="49">
        <v>318</v>
      </c>
      <c r="F107" s="50">
        <v>288</v>
      </c>
      <c r="G107" s="50"/>
      <c r="H107" s="48"/>
      <c r="I107" s="50">
        <v>286</v>
      </c>
      <c r="J107" s="51">
        <v>0.9</v>
      </c>
      <c r="K107" s="52">
        <v>0.92</v>
      </c>
      <c r="L107" s="16"/>
    </row>
    <row r="108" spans="2:12" ht="7.15" customHeight="1" x14ac:dyDescent="0.15">
      <c r="B108" s="647"/>
      <c r="C108" s="35"/>
      <c r="D108" s="36"/>
      <c r="E108" s="70"/>
      <c r="F108" s="36"/>
      <c r="G108" s="36"/>
      <c r="H108" s="36"/>
      <c r="I108" s="36"/>
      <c r="J108" s="40"/>
      <c r="K108" s="72"/>
      <c r="L108" s="16"/>
    </row>
    <row r="109" spans="2:12" ht="7.15" customHeight="1" x14ac:dyDescent="0.15">
      <c r="B109" s="640"/>
      <c r="C109" s="640"/>
      <c r="D109" s="640"/>
      <c r="E109" s="640"/>
      <c r="F109" s="640"/>
      <c r="G109" s="640"/>
      <c r="H109" s="640"/>
      <c r="I109" s="640"/>
      <c r="J109" s="640"/>
      <c r="K109" s="640"/>
    </row>
    <row r="110" spans="2:12" ht="7.15" customHeight="1" x14ac:dyDescent="0.15">
      <c r="B110" s="88"/>
      <c r="C110" s="89"/>
      <c r="D110" s="1"/>
      <c r="E110" s="90"/>
      <c r="F110" s="1"/>
      <c r="G110" s="1"/>
      <c r="H110" s="1"/>
      <c r="I110" s="1"/>
      <c r="J110" s="1"/>
      <c r="K110" s="91"/>
    </row>
    <row r="111" spans="2:12" ht="7.15" customHeight="1" x14ac:dyDescent="0.15">
      <c r="B111" s="644" t="s">
        <v>107</v>
      </c>
      <c r="C111" s="43"/>
      <c r="D111" s="1"/>
      <c r="E111" s="92"/>
      <c r="F111" s="1"/>
      <c r="G111" s="1"/>
      <c r="H111" s="1"/>
      <c r="I111" s="1"/>
      <c r="J111" s="33"/>
      <c r="K111" s="87"/>
      <c r="L111" s="16"/>
    </row>
    <row r="112" spans="2:12" ht="14.25" customHeight="1" x14ac:dyDescent="0.15">
      <c r="B112" s="644"/>
      <c r="C112" s="66"/>
      <c r="D112" s="48" t="s">
        <v>108</v>
      </c>
      <c r="E112" s="49">
        <v>358</v>
      </c>
      <c r="F112" s="50">
        <v>419</v>
      </c>
      <c r="G112" s="50"/>
      <c r="H112" s="48"/>
      <c r="I112" s="50">
        <v>412</v>
      </c>
      <c r="J112" s="51">
        <v>1.1499999999999999</v>
      </c>
      <c r="K112" s="52">
        <v>1.07</v>
      </c>
      <c r="L112" s="16"/>
    </row>
    <row r="113" spans="2:12" ht="14.25" customHeight="1" x14ac:dyDescent="0.15">
      <c r="B113" s="644"/>
      <c r="C113" s="66"/>
      <c r="D113" s="48" t="s">
        <v>109</v>
      </c>
      <c r="E113" s="49">
        <v>278</v>
      </c>
      <c r="F113" s="50">
        <v>287</v>
      </c>
      <c r="G113" s="50"/>
      <c r="H113" s="48"/>
      <c r="I113" s="50">
        <v>284</v>
      </c>
      <c r="J113" s="51">
        <v>1.02</v>
      </c>
      <c r="K113" s="52">
        <v>1.07</v>
      </c>
      <c r="L113" s="16"/>
    </row>
    <row r="114" spans="2:12" ht="14.25" customHeight="1" x14ac:dyDescent="0.15">
      <c r="B114" s="644"/>
      <c r="C114" s="66"/>
      <c r="D114" s="48" t="s">
        <v>110</v>
      </c>
      <c r="E114" s="49">
        <v>238</v>
      </c>
      <c r="F114" s="50">
        <v>278</v>
      </c>
      <c r="G114" s="50"/>
      <c r="H114" s="48"/>
      <c r="I114" s="50">
        <v>275</v>
      </c>
      <c r="J114" s="51">
        <v>1.1599999999999999</v>
      </c>
      <c r="K114" s="52">
        <v>1.29</v>
      </c>
      <c r="L114" s="16"/>
    </row>
    <row r="115" spans="2:12" ht="14.25" customHeight="1" x14ac:dyDescent="0.15">
      <c r="B115" s="644"/>
      <c r="C115" s="66"/>
      <c r="D115" s="48" t="s">
        <v>111</v>
      </c>
      <c r="E115" s="49">
        <v>279</v>
      </c>
      <c r="F115" s="50">
        <v>360</v>
      </c>
      <c r="G115" s="50"/>
      <c r="H115" s="48"/>
      <c r="I115" s="50">
        <v>349</v>
      </c>
      <c r="J115" s="51">
        <v>1.25</v>
      </c>
      <c r="K115" s="52">
        <v>1.28</v>
      </c>
      <c r="L115" s="16"/>
    </row>
    <row r="116" spans="2:12" ht="14.25" customHeight="1" x14ac:dyDescent="0.15">
      <c r="B116" s="644"/>
      <c r="C116" s="66"/>
      <c r="D116" s="48" t="s">
        <v>112</v>
      </c>
      <c r="E116" s="49">
        <v>358</v>
      </c>
      <c r="F116" s="50">
        <v>383</v>
      </c>
      <c r="G116" s="50"/>
      <c r="H116" s="48"/>
      <c r="I116" s="50">
        <v>377</v>
      </c>
      <c r="J116" s="51">
        <v>1.05</v>
      </c>
      <c r="K116" s="52">
        <v>1.03</v>
      </c>
      <c r="L116" s="16"/>
    </row>
    <row r="117" spans="2:12" ht="14.25" customHeight="1" x14ac:dyDescent="0.15">
      <c r="B117" s="644"/>
      <c r="C117" s="66"/>
      <c r="D117" s="48" t="s">
        <v>113</v>
      </c>
      <c r="E117" s="49">
        <v>268</v>
      </c>
      <c r="F117" s="50">
        <v>314</v>
      </c>
      <c r="G117" s="50"/>
      <c r="H117" s="48"/>
      <c r="I117" s="50">
        <v>311</v>
      </c>
      <c r="J117" s="51">
        <v>1.1599999999999999</v>
      </c>
      <c r="K117" s="52">
        <v>1.1299999999999999</v>
      </c>
      <c r="L117" s="16"/>
    </row>
    <row r="118" spans="2:12" ht="14.25" customHeight="1" x14ac:dyDescent="0.15">
      <c r="B118" s="644"/>
      <c r="C118" s="66"/>
      <c r="D118" s="48" t="s">
        <v>114</v>
      </c>
      <c r="E118" s="49">
        <v>278</v>
      </c>
      <c r="F118" s="50">
        <v>267</v>
      </c>
      <c r="G118" s="50"/>
      <c r="H118" s="48"/>
      <c r="I118" s="50">
        <v>266</v>
      </c>
      <c r="J118" s="51">
        <v>0.96</v>
      </c>
      <c r="K118" s="52">
        <v>0.94</v>
      </c>
      <c r="L118" s="16"/>
    </row>
    <row r="119" spans="2:12" ht="14.25" customHeight="1" x14ac:dyDescent="0.15">
      <c r="B119" s="644"/>
      <c r="C119" s="66"/>
      <c r="D119" s="48" t="s">
        <v>115</v>
      </c>
      <c r="E119" s="49">
        <v>158</v>
      </c>
      <c r="F119" s="50">
        <v>59</v>
      </c>
      <c r="G119" s="50"/>
      <c r="H119" s="48"/>
      <c r="I119" s="50">
        <v>59</v>
      </c>
      <c r="J119" s="51">
        <v>0.37</v>
      </c>
      <c r="K119" s="52">
        <v>0.56000000000000005</v>
      </c>
      <c r="L119" s="16"/>
    </row>
    <row r="120" spans="2:12" ht="7.5" customHeight="1" x14ac:dyDescent="0.15">
      <c r="B120" s="645"/>
      <c r="C120" s="93"/>
      <c r="D120" s="82"/>
      <c r="E120" s="94"/>
      <c r="F120" s="81"/>
      <c r="G120" s="81"/>
      <c r="H120" s="82"/>
      <c r="I120" s="81"/>
      <c r="J120" s="95"/>
      <c r="K120" s="96"/>
      <c r="L120" s="16"/>
    </row>
    <row r="121" spans="2:12" ht="7.5" customHeight="1" x14ac:dyDescent="0.15">
      <c r="B121" s="97"/>
      <c r="C121" s="98"/>
      <c r="D121" s="99"/>
      <c r="E121" s="100"/>
      <c r="F121" s="101"/>
      <c r="G121" s="101"/>
      <c r="H121" s="99"/>
      <c r="I121" s="101"/>
      <c r="J121" s="102"/>
      <c r="K121" s="103"/>
      <c r="L121" s="16"/>
    </row>
    <row r="122" spans="2:12" ht="14.25" customHeight="1" x14ac:dyDescent="0.15">
      <c r="B122" s="104"/>
      <c r="C122" s="105"/>
      <c r="D122" s="106" t="s">
        <v>116</v>
      </c>
      <c r="E122" s="107">
        <v>26045</v>
      </c>
      <c r="F122" s="108">
        <v>30122</v>
      </c>
      <c r="G122" s="109"/>
      <c r="H122" s="110"/>
      <c r="I122" s="108">
        <v>29532</v>
      </c>
      <c r="J122" s="111">
        <v>1.1299999999999999</v>
      </c>
      <c r="K122" s="112">
        <v>1.2</v>
      </c>
      <c r="L122" s="16"/>
    </row>
    <row r="123" spans="2:12" ht="7.5" customHeight="1" x14ac:dyDescent="0.15">
      <c r="B123" s="113"/>
      <c r="C123" s="114"/>
      <c r="D123" s="48"/>
      <c r="E123" s="115"/>
      <c r="F123" s="116"/>
      <c r="G123" s="116"/>
      <c r="H123" s="117"/>
      <c r="I123" s="116"/>
      <c r="J123" s="118"/>
      <c r="K123" s="119"/>
      <c r="L123" s="16"/>
    </row>
    <row r="124" spans="2:12" ht="7.5" customHeight="1" x14ac:dyDescent="0.15">
      <c r="B124" s="10"/>
      <c r="C124" s="11"/>
      <c r="D124" s="12"/>
      <c r="E124" s="13"/>
      <c r="F124" s="14"/>
      <c r="G124" s="2"/>
      <c r="H124" s="2"/>
      <c r="I124" s="2"/>
      <c r="J124" s="1"/>
      <c r="K124" s="15"/>
      <c r="L124" s="16"/>
    </row>
    <row r="125" spans="2:12" ht="14.25" customHeight="1" x14ac:dyDescent="0.15">
      <c r="B125" s="120" t="s">
        <v>6</v>
      </c>
      <c r="C125" s="121"/>
      <c r="E125" s="18"/>
      <c r="F125" s="19" t="s">
        <v>7</v>
      </c>
      <c r="G125" s="122" t="s">
        <v>117</v>
      </c>
      <c r="H125" s="123"/>
      <c r="I125" s="124"/>
      <c r="J125" s="19" t="s">
        <v>9</v>
      </c>
      <c r="K125" s="642" t="s">
        <v>10</v>
      </c>
      <c r="L125" s="16"/>
    </row>
    <row r="126" spans="2:12" ht="14.25" customHeight="1" x14ac:dyDescent="0.15">
      <c r="B126" s="120"/>
      <c r="C126" s="24"/>
      <c r="D126" s="25" t="s">
        <v>0</v>
      </c>
      <c r="E126" s="26" t="s">
        <v>11</v>
      </c>
      <c r="F126" s="27" t="s">
        <v>12</v>
      </c>
      <c r="G126" s="125" t="s">
        <v>118</v>
      </c>
      <c r="H126" s="125" t="s">
        <v>118</v>
      </c>
      <c r="I126" s="23" t="s">
        <v>119</v>
      </c>
      <c r="J126" s="31" t="s">
        <v>14</v>
      </c>
      <c r="K126" s="642"/>
      <c r="L126" s="16"/>
    </row>
    <row r="127" spans="2:12" ht="14.25" customHeight="1" x14ac:dyDescent="0.15">
      <c r="B127" s="120" t="s">
        <v>120</v>
      </c>
      <c r="C127" s="121"/>
      <c r="D127" s="1"/>
      <c r="E127" s="26" t="s">
        <v>16</v>
      </c>
      <c r="F127" s="27"/>
      <c r="G127" s="126" t="s">
        <v>121</v>
      </c>
      <c r="H127" s="126" t="s">
        <v>122</v>
      </c>
      <c r="I127" s="31" t="s">
        <v>17</v>
      </c>
      <c r="J127" s="31" t="s">
        <v>18</v>
      </c>
      <c r="K127" s="642"/>
      <c r="L127" s="16"/>
    </row>
    <row r="128" spans="2:12" ht="7.5" customHeight="1" x14ac:dyDescent="0.15">
      <c r="B128" s="127"/>
      <c r="C128" s="35"/>
      <c r="D128" s="36"/>
      <c r="E128" s="37"/>
      <c r="F128" s="38"/>
      <c r="G128" s="41"/>
      <c r="H128" s="41"/>
      <c r="I128" s="38"/>
      <c r="J128" s="41"/>
      <c r="K128" s="42"/>
      <c r="L128" s="16"/>
    </row>
    <row r="129" spans="2:12" ht="10.5" customHeight="1" x14ac:dyDescent="0.15">
      <c r="B129" s="655" t="s">
        <v>123</v>
      </c>
      <c r="C129" s="128"/>
      <c r="D129" s="12"/>
      <c r="E129" s="44"/>
      <c r="F129" s="14"/>
      <c r="G129" s="12"/>
      <c r="H129" s="12"/>
      <c r="I129" s="12"/>
      <c r="J129" s="14"/>
      <c r="K129" s="129"/>
      <c r="L129" s="130"/>
    </row>
    <row r="130" spans="2:12" ht="14.25" customHeight="1" x14ac:dyDescent="0.15">
      <c r="B130" s="656"/>
      <c r="C130" s="131"/>
      <c r="D130" s="132" t="s">
        <v>124</v>
      </c>
      <c r="E130" s="84">
        <v>318</v>
      </c>
      <c r="F130" s="50">
        <v>390</v>
      </c>
      <c r="G130" s="50">
        <v>376</v>
      </c>
      <c r="H130" s="50">
        <v>7</v>
      </c>
      <c r="I130" s="50">
        <v>383</v>
      </c>
      <c r="J130" s="133">
        <v>1.2</v>
      </c>
      <c r="K130" s="134">
        <v>1.21</v>
      </c>
      <c r="L130" s="130"/>
    </row>
    <row r="131" spans="2:12" ht="14.25" customHeight="1" x14ac:dyDescent="0.15">
      <c r="B131" s="656"/>
      <c r="C131" s="131"/>
      <c r="D131" s="2" t="s">
        <v>125</v>
      </c>
      <c r="E131" s="136">
        <v>318</v>
      </c>
      <c r="F131" s="50">
        <v>413</v>
      </c>
      <c r="G131" s="50">
        <v>331</v>
      </c>
      <c r="H131" s="50">
        <v>75</v>
      </c>
      <c r="I131" s="50">
        <v>406</v>
      </c>
      <c r="J131" s="133">
        <v>1.28</v>
      </c>
      <c r="K131" s="137">
        <v>1.34</v>
      </c>
      <c r="L131" s="138"/>
    </row>
    <row r="132" spans="2:12" ht="14.25" customHeight="1" x14ac:dyDescent="0.15">
      <c r="B132" s="656"/>
      <c r="C132" s="131"/>
      <c r="D132" s="139" t="s">
        <v>126</v>
      </c>
      <c r="E132" s="107">
        <v>636</v>
      </c>
      <c r="F132" s="140">
        <v>803</v>
      </c>
      <c r="G132" s="140">
        <v>707</v>
      </c>
      <c r="H132" s="140">
        <v>82</v>
      </c>
      <c r="I132" s="140">
        <v>789</v>
      </c>
      <c r="J132" s="111">
        <v>1.24</v>
      </c>
      <c r="K132" s="141">
        <v>1.27</v>
      </c>
      <c r="L132" s="130"/>
    </row>
    <row r="133" spans="2:12" ht="8.25" customHeight="1" x14ac:dyDescent="0.15">
      <c r="B133" s="657"/>
      <c r="C133" s="142"/>
      <c r="D133" s="55"/>
      <c r="E133" s="56"/>
      <c r="F133" s="57"/>
      <c r="G133" s="57"/>
      <c r="H133" s="57"/>
      <c r="I133" s="57"/>
      <c r="J133" s="57"/>
      <c r="K133" s="143"/>
      <c r="L133" s="130"/>
    </row>
    <row r="134" spans="2:12" ht="7.5" customHeight="1" x14ac:dyDescent="0.15">
      <c r="B134" s="658" t="s">
        <v>127</v>
      </c>
      <c r="C134" s="144"/>
      <c r="D134" s="1"/>
      <c r="E134" s="86"/>
      <c r="F134" s="2"/>
      <c r="G134" s="1"/>
      <c r="H134" s="1"/>
      <c r="I134" s="1"/>
      <c r="J134" s="33"/>
      <c r="K134" s="46"/>
      <c r="L134" s="16"/>
    </row>
    <row r="135" spans="2:12" x14ac:dyDescent="0.15">
      <c r="B135" s="658"/>
      <c r="D135" s="2" t="s">
        <v>128</v>
      </c>
      <c r="E135" s="136">
        <v>198</v>
      </c>
      <c r="F135" s="50">
        <v>286</v>
      </c>
      <c r="G135" s="50">
        <v>245</v>
      </c>
      <c r="H135" s="50">
        <v>34</v>
      </c>
      <c r="I135" s="50">
        <v>279</v>
      </c>
      <c r="J135" s="145">
        <v>1.41</v>
      </c>
      <c r="K135" s="146">
        <v>1.53</v>
      </c>
      <c r="L135" s="16"/>
    </row>
    <row r="136" spans="2:12" x14ac:dyDescent="0.15">
      <c r="B136" s="658"/>
      <c r="D136" s="2" t="s">
        <v>129</v>
      </c>
      <c r="E136" s="136">
        <v>278</v>
      </c>
      <c r="F136" s="50">
        <v>349</v>
      </c>
      <c r="G136" s="50">
        <v>326</v>
      </c>
      <c r="H136" s="50">
        <v>13</v>
      </c>
      <c r="I136" s="50">
        <v>339</v>
      </c>
      <c r="J136" s="145">
        <v>1.22</v>
      </c>
      <c r="K136" s="146">
        <v>1.23</v>
      </c>
      <c r="L136" s="16"/>
    </row>
    <row r="137" spans="2:12" x14ac:dyDescent="0.15">
      <c r="B137" s="658"/>
      <c r="D137" s="147" t="s">
        <v>130</v>
      </c>
      <c r="E137" s="84">
        <v>118</v>
      </c>
      <c r="F137" s="50">
        <v>165</v>
      </c>
      <c r="G137" s="50">
        <v>158</v>
      </c>
      <c r="H137" s="50">
        <v>2</v>
      </c>
      <c r="I137" s="50">
        <v>160</v>
      </c>
      <c r="J137" s="145">
        <v>1.36</v>
      </c>
      <c r="K137" s="148">
        <v>1.23</v>
      </c>
      <c r="L137" s="16"/>
    </row>
    <row r="138" spans="2:12" s="110" customFormat="1" x14ac:dyDescent="0.15">
      <c r="B138" s="658"/>
      <c r="C138" s="139"/>
      <c r="D138" s="139" t="s">
        <v>126</v>
      </c>
      <c r="E138" s="107">
        <v>594</v>
      </c>
      <c r="F138" s="140">
        <v>800</v>
      </c>
      <c r="G138" s="140">
        <v>729</v>
      </c>
      <c r="H138" s="140">
        <v>49</v>
      </c>
      <c r="I138" s="140">
        <v>778</v>
      </c>
      <c r="J138" s="111">
        <v>1.31</v>
      </c>
      <c r="K138" s="112">
        <v>1.33</v>
      </c>
      <c r="L138" s="149"/>
    </row>
    <row r="139" spans="2:12" s="110" customFormat="1" ht="7.5" customHeight="1" x14ac:dyDescent="0.15">
      <c r="B139" s="659"/>
      <c r="C139" s="139"/>
      <c r="D139" s="139"/>
      <c r="E139" s="86"/>
      <c r="F139" s="140"/>
      <c r="G139" s="140"/>
      <c r="H139" s="140"/>
      <c r="I139" s="140"/>
      <c r="J139" s="150"/>
      <c r="K139" s="151"/>
      <c r="L139" s="149"/>
    </row>
    <row r="140" spans="2:12" ht="7.5" customHeight="1" x14ac:dyDescent="0.15">
      <c r="B140" s="97"/>
      <c r="C140" s="98"/>
      <c r="D140" s="99"/>
      <c r="E140" s="100"/>
      <c r="F140" s="99"/>
      <c r="G140" s="101"/>
      <c r="H140" s="152"/>
      <c r="I140" s="101"/>
      <c r="J140" s="101"/>
      <c r="K140" s="153"/>
      <c r="L140" s="16"/>
    </row>
    <row r="141" spans="2:12" ht="14.25" customHeight="1" x14ac:dyDescent="0.15">
      <c r="B141" s="104"/>
      <c r="C141" s="660" t="s">
        <v>131</v>
      </c>
      <c r="D141" s="661"/>
      <c r="E141" s="107">
        <v>1230</v>
      </c>
      <c r="F141" s="154">
        <v>1603</v>
      </c>
      <c r="G141" s="154" t="s">
        <v>132</v>
      </c>
      <c r="H141" s="155" t="s">
        <v>132</v>
      </c>
      <c r="I141" s="154">
        <v>1567</v>
      </c>
      <c r="J141" s="150">
        <v>1.27</v>
      </c>
      <c r="K141" s="156">
        <v>1.3</v>
      </c>
      <c r="L141" s="16"/>
    </row>
    <row r="142" spans="2:12" ht="6" customHeight="1" x14ac:dyDescent="0.15">
      <c r="B142" s="127"/>
      <c r="C142" s="89"/>
      <c r="D142" s="1"/>
      <c r="E142" s="49"/>
      <c r="F142" s="2"/>
      <c r="G142" s="1"/>
      <c r="H142" s="1"/>
      <c r="I142" s="1"/>
      <c r="J142" s="1"/>
      <c r="K142" s="42"/>
      <c r="L142" s="16"/>
    </row>
    <row r="143" spans="2:12" ht="7.5" customHeight="1" x14ac:dyDescent="0.15">
      <c r="B143" s="157"/>
      <c r="C143" s="11"/>
      <c r="D143" s="12"/>
      <c r="E143" s="158"/>
      <c r="F143" s="14"/>
      <c r="G143" s="12"/>
      <c r="H143" s="12"/>
      <c r="I143" s="12"/>
      <c r="J143" s="45"/>
      <c r="K143" s="15"/>
      <c r="L143" s="16"/>
    </row>
    <row r="144" spans="2:12" x14ac:dyDescent="0.15">
      <c r="B144" s="104"/>
      <c r="C144" s="139"/>
      <c r="D144" s="139" t="s">
        <v>133</v>
      </c>
      <c r="E144" s="107">
        <v>27275</v>
      </c>
      <c r="F144" s="140">
        <v>31725</v>
      </c>
      <c r="G144" s="154" t="s">
        <v>132</v>
      </c>
      <c r="H144" s="155" t="s">
        <v>132</v>
      </c>
      <c r="I144" s="140">
        <v>31099</v>
      </c>
      <c r="J144" s="111">
        <v>1.1399999999999999</v>
      </c>
      <c r="K144" s="112">
        <v>1.2</v>
      </c>
      <c r="L144" s="16"/>
    </row>
    <row r="145" spans="2:12" ht="7.5" customHeight="1" x14ac:dyDescent="0.15">
      <c r="B145" s="127"/>
      <c r="C145" s="159"/>
      <c r="D145" s="36"/>
      <c r="E145" s="70"/>
      <c r="F145" s="71"/>
      <c r="G145" s="36"/>
      <c r="H145" s="36"/>
      <c r="I145" s="36"/>
      <c r="J145" s="40"/>
      <c r="K145" s="160"/>
      <c r="L145" s="16"/>
    </row>
    <row r="146" spans="2:12" ht="27" customHeight="1" x14ac:dyDescent="0.15">
      <c r="B146" s="662"/>
      <c r="C146" s="662"/>
      <c r="D146" s="662"/>
      <c r="E146" s="662"/>
      <c r="F146" s="662"/>
      <c r="G146" s="662"/>
      <c r="H146" s="662"/>
      <c r="I146" s="662"/>
      <c r="J146" s="662"/>
      <c r="K146" s="662"/>
      <c r="L146" s="135"/>
    </row>
    <row r="147" spans="2:12" ht="7.5" customHeight="1" x14ac:dyDescent="0.15"/>
    <row r="148" spans="2:12" ht="7.5" customHeight="1" x14ac:dyDescent="0.15"/>
    <row r="149" spans="2:12" ht="7.5" customHeight="1" x14ac:dyDescent="0.15"/>
    <row r="150" spans="2:12" s="161" customFormat="1" ht="14.25" customHeight="1" x14ac:dyDescent="0.15">
      <c r="B150" s="161" t="s">
        <v>134</v>
      </c>
      <c r="E150" s="162"/>
      <c r="F150" s="162"/>
      <c r="G150" s="162"/>
      <c r="H150" s="162"/>
      <c r="I150" s="162"/>
      <c r="K150" s="162"/>
      <c r="L150" s="162"/>
    </row>
    <row r="151" spans="2:12" s="161" customFormat="1" ht="7.5" customHeight="1" x14ac:dyDescent="0.15">
      <c r="B151" s="163"/>
      <c r="C151" s="164"/>
      <c r="D151" s="164"/>
      <c r="E151" s="165"/>
      <c r="F151" s="165"/>
      <c r="G151" s="165"/>
      <c r="H151" s="165"/>
      <c r="I151" s="165"/>
      <c r="J151" s="164"/>
      <c r="K151" s="166"/>
      <c r="L151" s="167"/>
    </row>
    <row r="152" spans="2:12" s="161" customFormat="1" ht="14.25" customHeight="1" x14ac:dyDescent="0.15">
      <c r="B152" s="168"/>
      <c r="E152" s="18"/>
      <c r="F152" s="19" t="s">
        <v>7</v>
      </c>
      <c r="G152" s="169"/>
      <c r="H152" s="170"/>
      <c r="I152" s="22"/>
      <c r="J152" s="19"/>
      <c r="K152" s="642" t="s">
        <v>10</v>
      </c>
      <c r="L152" s="130"/>
    </row>
    <row r="153" spans="2:12" s="161" customFormat="1" ht="14.25" customHeight="1" x14ac:dyDescent="0.15">
      <c r="B153" s="168"/>
      <c r="C153" s="652" t="s">
        <v>0</v>
      </c>
      <c r="D153" s="653"/>
      <c r="E153" s="26" t="s">
        <v>11</v>
      </c>
      <c r="F153" s="27" t="s">
        <v>12</v>
      </c>
      <c r="G153" s="28" t="s">
        <v>13</v>
      </c>
      <c r="H153" s="29"/>
      <c r="I153" s="30"/>
      <c r="J153" s="31" t="s">
        <v>14</v>
      </c>
      <c r="K153" s="642"/>
      <c r="L153" s="130"/>
    </row>
    <row r="154" spans="2:12" s="161" customFormat="1" ht="14.25" customHeight="1" x14ac:dyDescent="0.15">
      <c r="B154" s="168"/>
      <c r="C154" s="171"/>
      <c r="D154" s="171"/>
      <c r="E154" s="26" t="s">
        <v>16</v>
      </c>
      <c r="F154" s="27"/>
      <c r="G154" s="29" t="s">
        <v>17</v>
      </c>
      <c r="H154" s="32"/>
      <c r="I154" s="30"/>
      <c r="J154" s="31" t="s">
        <v>18</v>
      </c>
      <c r="K154" s="642"/>
      <c r="L154" s="130"/>
    </row>
    <row r="155" spans="2:12" s="161" customFormat="1" ht="7.5" customHeight="1" x14ac:dyDescent="0.15">
      <c r="B155" s="172"/>
      <c r="C155" s="173"/>
      <c r="D155" s="173"/>
      <c r="E155" s="37"/>
      <c r="F155" s="38"/>
      <c r="G155" s="39"/>
      <c r="H155" s="36"/>
      <c r="I155" s="40"/>
      <c r="J155" s="41"/>
      <c r="K155" s="42"/>
      <c r="L155" s="130"/>
    </row>
    <row r="156" spans="2:12" s="161" customFormat="1" ht="7.5" customHeight="1" x14ac:dyDescent="0.15">
      <c r="B156" s="163"/>
      <c r="C156" s="164"/>
      <c r="D156" s="164"/>
      <c r="E156" s="174"/>
      <c r="F156" s="165"/>
      <c r="G156" s="165"/>
      <c r="H156" s="165"/>
      <c r="I156" s="165"/>
      <c r="J156" s="175"/>
      <c r="K156" s="176"/>
      <c r="L156" s="167"/>
    </row>
    <row r="157" spans="2:12" s="161" customFormat="1" ht="14.25" customHeight="1" x14ac:dyDescent="0.15">
      <c r="B157" s="168"/>
      <c r="C157" s="177" t="s">
        <v>135</v>
      </c>
      <c r="D157" s="178"/>
      <c r="E157" s="179"/>
      <c r="F157" s="179"/>
      <c r="G157" s="162"/>
      <c r="H157" s="162"/>
      <c r="I157" s="179"/>
      <c r="J157" s="180"/>
      <c r="K157" s="181"/>
      <c r="L157" s="182"/>
    </row>
    <row r="158" spans="2:12" s="161" customFormat="1" ht="14.25" customHeight="1" x14ac:dyDescent="0.15">
      <c r="B158" s="168"/>
      <c r="C158" s="177" t="s">
        <v>136</v>
      </c>
      <c r="D158" s="178"/>
      <c r="E158" s="179"/>
      <c r="F158" s="179"/>
      <c r="G158" s="162"/>
      <c r="H158" s="162"/>
      <c r="I158" s="179"/>
      <c r="J158" s="180"/>
      <c r="K158" s="181"/>
      <c r="L158" s="182"/>
    </row>
    <row r="159" spans="2:12" s="161" customFormat="1" ht="14.25" customHeight="1" x14ac:dyDescent="0.15">
      <c r="B159" s="168"/>
      <c r="C159" s="183" t="s">
        <v>137</v>
      </c>
      <c r="D159" s="178"/>
      <c r="E159" s="179"/>
      <c r="F159" s="179"/>
      <c r="G159" s="162"/>
      <c r="H159" s="162"/>
      <c r="I159" s="179"/>
      <c r="J159" s="180"/>
      <c r="K159" s="181"/>
      <c r="L159" s="182"/>
    </row>
    <row r="160" spans="2:12" s="161" customFormat="1" ht="14.25" customHeight="1" x14ac:dyDescent="0.15">
      <c r="B160" s="168"/>
      <c r="C160" s="177" t="s">
        <v>138</v>
      </c>
      <c r="D160" s="178"/>
      <c r="E160" s="179"/>
      <c r="F160" s="179"/>
      <c r="G160" s="162"/>
      <c r="H160" s="162"/>
      <c r="I160" s="179"/>
      <c r="J160" s="180"/>
      <c r="K160" s="181"/>
      <c r="L160" s="182"/>
    </row>
    <row r="161" spans="2:12" s="161" customFormat="1" ht="7.5" customHeight="1" x14ac:dyDescent="0.15">
      <c r="B161" s="168"/>
      <c r="E161" s="184"/>
      <c r="F161" s="162"/>
      <c r="G161" s="162"/>
      <c r="H161" s="162"/>
      <c r="I161" s="162"/>
      <c r="J161" s="185"/>
      <c r="K161" s="181"/>
      <c r="L161" s="182"/>
    </row>
    <row r="162" spans="2:12" s="161" customFormat="1" ht="7.5" customHeight="1" x14ac:dyDescent="0.15">
      <c r="B162" s="186"/>
      <c r="C162" s="187"/>
      <c r="D162" s="187"/>
      <c r="E162" s="188"/>
      <c r="F162" s="189"/>
      <c r="G162" s="189"/>
      <c r="H162" s="189"/>
      <c r="I162" s="189"/>
      <c r="J162" s="180"/>
      <c r="K162" s="190"/>
      <c r="L162" s="182"/>
    </row>
    <row r="163" spans="2:12" s="161" customFormat="1" ht="14.25" customHeight="1" x14ac:dyDescent="0.15">
      <c r="B163" s="168"/>
      <c r="C163" s="191" t="s">
        <v>139</v>
      </c>
      <c r="D163" s="192"/>
      <c r="E163" s="193"/>
      <c r="F163" s="194"/>
      <c r="G163" s="195"/>
      <c r="H163" s="195"/>
      <c r="I163" s="194"/>
      <c r="J163" s="196"/>
      <c r="K163" s="197"/>
      <c r="L163" s="198"/>
    </row>
    <row r="164" spans="2:12" s="161" customFormat="1" ht="7.5" customHeight="1" x14ac:dyDescent="0.15">
      <c r="B164" s="172"/>
      <c r="C164" s="173"/>
      <c r="D164" s="173"/>
      <c r="E164" s="199"/>
      <c r="F164" s="200"/>
      <c r="G164" s="200"/>
      <c r="H164" s="200"/>
      <c r="I164" s="200"/>
      <c r="J164" s="201"/>
      <c r="K164" s="202"/>
      <c r="L164" s="167"/>
    </row>
    <row r="165" spans="2:12" s="161" customFormat="1" ht="14.25" customHeight="1" x14ac:dyDescent="0.15">
      <c r="B165" s="654"/>
      <c r="C165" s="654"/>
      <c r="D165" s="654"/>
      <c r="E165" s="654"/>
      <c r="F165" s="654"/>
      <c r="G165" s="654"/>
      <c r="H165" s="654"/>
      <c r="I165" s="654"/>
      <c r="J165" s="654"/>
      <c r="K165" s="654"/>
      <c r="L165" s="162"/>
    </row>
    <row r="166" spans="2:12" s="161" customFormat="1" x14ac:dyDescent="0.15">
      <c r="E166" s="162"/>
      <c r="F166" s="162"/>
      <c r="G166" s="162"/>
      <c r="H166" s="162"/>
      <c r="I166" s="162"/>
      <c r="K166" s="162"/>
      <c r="L166" s="162"/>
    </row>
    <row r="167" spans="2:12" s="161" customFormat="1" x14ac:dyDescent="0.15">
      <c r="E167" s="162"/>
      <c r="F167" s="162"/>
      <c r="G167" s="162"/>
      <c r="H167" s="162"/>
      <c r="I167" s="162"/>
      <c r="K167" s="162"/>
      <c r="L167" s="162"/>
    </row>
  </sheetData>
  <mergeCells count="21">
    <mergeCell ref="K152:K154"/>
    <mergeCell ref="C153:D153"/>
    <mergeCell ref="B165:K165"/>
    <mergeCell ref="B111:B120"/>
    <mergeCell ref="K125:K127"/>
    <mergeCell ref="B129:B133"/>
    <mergeCell ref="B134:B139"/>
    <mergeCell ref="C141:D141"/>
    <mergeCell ref="B146:K146"/>
    <mergeCell ref="B109:K109"/>
    <mergeCell ref="B2:J2"/>
    <mergeCell ref="K7:K9"/>
    <mergeCell ref="B11:B25"/>
    <mergeCell ref="B26:B38"/>
    <mergeCell ref="B39:B45"/>
    <mergeCell ref="B46:B56"/>
    <mergeCell ref="B58:B64"/>
    <mergeCell ref="B65:B77"/>
    <mergeCell ref="B78:B87"/>
    <mergeCell ref="B88:B93"/>
    <mergeCell ref="B94:B108"/>
  </mergeCells>
  <phoneticPr fontId="5"/>
  <pageMargins left="0.78740157480314965" right="0.78740157480314965" top="0.59055118110236227" bottom="0.55118110236220474" header="0.74803149606299213" footer="0.39370078740157483"/>
  <pageSetup paperSize="9" scale="94" fitToHeight="0" orientation="portrait" useFirstPageNumber="1" r:id="rId1"/>
  <headerFooter alignWithMargins="0">
    <oddFooter>&amp;C&amp;"Century,標準"&amp;14&amp;P</oddFooter>
  </headerFooter>
  <rowBreaks count="2" manualBreakCount="2">
    <brk id="57" max="13" man="1"/>
    <brk id="110" max="13" man="1"/>
  </rowBreaks>
  <colBreaks count="1" manualBreakCount="1">
    <brk id="11" max="163"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2C2907-C39B-46CD-9A38-C706D6EB7097}">
  <sheetPr>
    <pageSetUpPr fitToPage="1"/>
  </sheetPr>
  <dimension ref="B1:L206"/>
  <sheetViews>
    <sheetView showGridLines="0" view="pageBreakPreview" zoomScale="85" zoomScaleNormal="85" zoomScaleSheetLayoutView="85" workbookViewId="0"/>
  </sheetViews>
  <sheetFormatPr defaultColWidth="9" defaultRowHeight="13.5" x14ac:dyDescent="0.15"/>
  <cols>
    <col min="1" max="2" width="1.5" style="161" customWidth="1"/>
    <col min="3" max="3" width="21.375" style="161" bestFit="1" customWidth="1"/>
    <col min="4" max="4" width="16.25" style="161" bestFit="1" customWidth="1"/>
    <col min="5" max="6" width="9" style="162" bestFit="1" customWidth="1"/>
    <col min="7" max="8" width="5" style="162" bestFit="1" customWidth="1"/>
    <col min="9" max="9" width="7.75" style="162" bestFit="1" customWidth="1"/>
    <col min="10" max="10" width="8.375" style="162" bestFit="1" customWidth="1"/>
    <col min="11" max="11" width="7.125" style="209" bestFit="1" customWidth="1"/>
    <col min="12" max="12" width="1.375" style="161" customWidth="1"/>
    <col min="13" max="16384" width="9" style="161"/>
  </cols>
  <sheetData>
    <row r="1" spans="2:12" ht="14.25" customHeight="1" x14ac:dyDescent="0.15"/>
    <row r="2" spans="2:12" x14ac:dyDescent="0.15">
      <c r="B2" s="161" t="s">
        <v>352</v>
      </c>
    </row>
    <row r="3" spans="2:12" ht="7.5" customHeight="1" x14ac:dyDescent="0.15">
      <c r="B3" s="163"/>
      <c r="C3" s="164"/>
      <c r="D3" s="164"/>
      <c r="E3" s="13"/>
      <c r="F3" s="14"/>
      <c r="G3" s="14"/>
      <c r="H3" s="14"/>
      <c r="I3" s="14"/>
      <c r="J3" s="14"/>
      <c r="K3" s="15"/>
      <c r="L3" s="168"/>
    </row>
    <row r="4" spans="2:12" ht="14.25" customHeight="1" x14ac:dyDescent="0.15">
      <c r="B4" s="168"/>
      <c r="E4" s="18"/>
      <c r="F4" s="19" t="s">
        <v>7</v>
      </c>
      <c r="G4" s="20" t="s">
        <v>8</v>
      </c>
      <c r="H4" s="21"/>
      <c r="I4" s="22"/>
      <c r="J4" s="19" t="s">
        <v>9</v>
      </c>
      <c r="K4" s="642" t="s">
        <v>10</v>
      </c>
      <c r="L4" s="168"/>
    </row>
    <row r="5" spans="2:12" ht="14.25" customHeight="1" x14ac:dyDescent="0.15">
      <c r="B5" s="168"/>
      <c r="C5" s="161" t="s">
        <v>0</v>
      </c>
      <c r="D5" s="161" t="s">
        <v>353</v>
      </c>
      <c r="E5" s="26" t="s">
        <v>11</v>
      </c>
      <c r="F5" s="27" t="s">
        <v>12</v>
      </c>
      <c r="G5" s="28" t="s">
        <v>13</v>
      </c>
      <c r="H5" s="29"/>
      <c r="I5" s="30"/>
      <c r="J5" s="31" t="s">
        <v>14</v>
      </c>
      <c r="K5" s="642"/>
      <c r="L5" s="168"/>
    </row>
    <row r="6" spans="2:12" ht="14.25" customHeight="1" x14ac:dyDescent="0.15">
      <c r="B6" s="168"/>
      <c r="C6" s="171"/>
      <c r="D6" s="171"/>
      <c r="E6" s="26" t="s">
        <v>16</v>
      </c>
      <c r="F6" s="27"/>
      <c r="G6" s="29" t="s">
        <v>17</v>
      </c>
      <c r="H6" s="32"/>
      <c r="I6" s="30"/>
      <c r="J6" s="31" t="s">
        <v>18</v>
      </c>
      <c r="K6" s="642"/>
      <c r="L6" s="168"/>
    </row>
    <row r="7" spans="2:12" ht="7.5" customHeight="1" x14ac:dyDescent="0.15">
      <c r="B7" s="172"/>
      <c r="C7" s="216"/>
      <c r="D7" s="217"/>
      <c r="E7" s="37"/>
      <c r="F7" s="38"/>
      <c r="G7" s="39"/>
      <c r="H7" s="36"/>
      <c r="I7" s="40"/>
      <c r="J7" s="41"/>
      <c r="K7" s="42"/>
      <c r="L7" s="168"/>
    </row>
    <row r="8" spans="2:12" ht="7.5" customHeight="1" x14ac:dyDescent="0.15">
      <c r="B8" s="168"/>
      <c r="C8" s="171"/>
      <c r="D8" s="171"/>
      <c r="E8" s="44"/>
      <c r="F8" s="2"/>
      <c r="G8" s="2"/>
      <c r="H8" s="2"/>
      <c r="I8" s="2"/>
      <c r="J8" s="2"/>
      <c r="K8" s="595"/>
      <c r="L8" s="168"/>
    </row>
    <row r="9" spans="2:12" ht="14.25" customHeight="1" x14ac:dyDescent="0.15">
      <c r="B9" s="168"/>
      <c r="C9" s="161" t="s">
        <v>354</v>
      </c>
      <c r="D9" s="161" t="s">
        <v>355</v>
      </c>
      <c r="E9" s="434">
        <v>38</v>
      </c>
      <c r="F9" s="162">
        <v>38</v>
      </c>
      <c r="G9" s="484"/>
      <c r="H9" s="484"/>
      <c r="I9" s="179">
        <v>38</v>
      </c>
      <c r="J9" s="145">
        <v>1</v>
      </c>
      <c r="K9" s="596">
        <v>1.1000000000000001</v>
      </c>
      <c r="L9" s="168"/>
    </row>
    <row r="10" spans="2:12" ht="14.25" customHeight="1" x14ac:dyDescent="0.15">
      <c r="B10" s="168"/>
      <c r="C10" s="161" t="s">
        <v>150</v>
      </c>
      <c r="D10" s="161" t="s">
        <v>356</v>
      </c>
      <c r="E10" s="434">
        <v>38</v>
      </c>
      <c r="F10" s="162">
        <v>44</v>
      </c>
      <c r="G10" s="484"/>
      <c r="H10" s="484"/>
      <c r="I10" s="179">
        <v>44</v>
      </c>
      <c r="J10" s="145">
        <v>1.1599999999999999</v>
      </c>
      <c r="K10" s="596">
        <v>0.97</v>
      </c>
      <c r="L10" s="168"/>
    </row>
    <row r="11" spans="2:12" ht="14.25" customHeight="1" x14ac:dyDescent="0.15">
      <c r="B11" s="168"/>
      <c r="C11" s="161" t="s">
        <v>170</v>
      </c>
      <c r="D11" s="161" t="s">
        <v>357</v>
      </c>
      <c r="E11" s="434">
        <v>38</v>
      </c>
      <c r="F11" s="162">
        <v>46</v>
      </c>
      <c r="G11" s="484"/>
      <c r="H11" s="484"/>
      <c r="I11" s="179">
        <v>46</v>
      </c>
      <c r="J11" s="145">
        <v>1.21</v>
      </c>
      <c r="K11" s="596">
        <v>1.21</v>
      </c>
      <c r="L11" s="168"/>
    </row>
    <row r="12" spans="2:12" ht="14.25" customHeight="1" x14ac:dyDescent="0.15">
      <c r="B12" s="168"/>
      <c r="C12" s="161" t="s">
        <v>170</v>
      </c>
      <c r="D12" s="161" t="s">
        <v>358</v>
      </c>
      <c r="E12" s="434">
        <v>38</v>
      </c>
      <c r="F12" s="162">
        <v>40</v>
      </c>
      <c r="G12" s="484"/>
      <c r="H12" s="484"/>
      <c r="I12" s="179">
        <v>40</v>
      </c>
      <c r="J12" s="145">
        <v>1.05</v>
      </c>
      <c r="K12" s="596">
        <v>1.05</v>
      </c>
      <c r="L12" s="168"/>
    </row>
    <row r="13" spans="2:12" ht="14.25" customHeight="1" x14ac:dyDescent="0.15">
      <c r="B13" s="168"/>
      <c r="D13" s="234" t="s">
        <v>359</v>
      </c>
      <c r="E13" s="436">
        <v>152</v>
      </c>
      <c r="F13" s="263">
        <v>168</v>
      </c>
      <c r="G13" s="263"/>
      <c r="H13" s="263"/>
      <c r="I13" s="263">
        <v>168</v>
      </c>
      <c r="J13" s="111">
        <v>1.1100000000000001</v>
      </c>
      <c r="K13" s="141">
        <v>1.08</v>
      </c>
      <c r="L13" s="168"/>
    </row>
    <row r="14" spans="2:12" ht="21.75" customHeight="1" x14ac:dyDescent="0.15">
      <c r="B14" s="168"/>
      <c r="C14" s="161" t="s">
        <v>360</v>
      </c>
      <c r="D14" s="161" t="s">
        <v>361</v>
      </c>
      <c r="E14" s="434">
        <v>38</v>
      </c>
      <c r="F14" s="162">
        <v>51</v>
      </c>
      <c r="G14" s="484"/>
      <c r="H14" s="484"/>
      <c r="I14" s="179">
        <v>51</v>
      </c>
      <c r="J14" s="223">
        <v>1.34</v>
      </c>
      <c r="K14" s="474">
        <v>0.82</v>
      </c>
      <c r="L14" s="168"/>
    </row>
    <row r="15" spans="2:12" ht="14.25" customHeight="1" x14ac:dyDescent="0.15">
      <c r="B15" s="168"/>
      <c r="C15" s="161" t="s">
        <v>170</v>
      </c>
      <c r="D15" s="161" t="s">
        <v>362</v>
      </c>
      <c r="E15" s="434">
        <v>38</v>
      </c>
      <c r="F15" s="162">
        <v>41</v>
      </c>
      <c r="G15" s="484"/>
      <c r="H15" s="484"/>
      <c r="I15" s="179">
        <v>41</v>
      </c>
      <c r="J15" s="145">
        <v>1.08</v>
      </c>
      <c r="K15" s="596">
        <v>1.28</v>
      </c>
      <c r="L15" s="168"/>
    </row>
    <row r="16" spans="2:12" ht="14.25" customHeight="1" x14ac:dyDescent="0.15">
      <c r="B16" s="168"/>
      <c r="C16" s="161" t="s">
        <v>170</v>
      </c>
      <c r="D16" s="161" t="s">
        <v>363</v>
      </c>
      <c r="E16" s="434">
        <v>38</v>
      </c>
      <c r="F16" s="162">
        <v>46</v>
      </c>
      <c r="G16" s="484"/>
      <c r="H16" s="484"/>
      <c r="I16" s="179">
        <v>46</v>
      </c>
      <c r="J16" s="145">
        <v>1.21</v>
      </c>
      <c r="K16" s="596">
        <v>0.92</v>
      </c>
      <c r="L16" s="168"/>
    </row>
    <row r="17" spans="2:12" ht="14.25" customHeight="1" x14ac:dyDescent="0.15">
      <c r="B17" s="168"/>
      <c r="D17" s="234" t="s">
        <v>359</v>
      </c>
      <c r="E17" s="436">
        <v>114</v>
      </c>
      <c r="F17" s="263">
        <v>138</v>
      </c>
      <c r="G17" s="263"/>
      <c r="H17" s="263"/>
      <c r="I17" s="263">
        <v>138</v>
      </c>
      <c r="J17" s="111">
        <v>1.21</v>
      </c>
      <c r="K17" s="141">
        <v>1.01</v>
      </c>
      <c r="L17" s="168"/>
    </row>
    <row r="18" spans="2:12" ht="21.75" customHeight="1" x14ac:dyDescent="0.15">
      <c r="B18" s="168"/>
      <c r="C18" s="161" t="s">
        <v>364</v>
      </c>
      <c r="D18" s="161" t="s">
        <v>365</v>
      </c>
      <c r="E18" s="434">
        <v>78</v>
      </c>
      <c r="F18" s="162">
        <v>72</v>
      </c>
      <c r="G18" s="484"/>
      <c r="H18" s="484"/>
      <c r="I18" s="179">
        <v>72</v>
      </c>
      <c r="J18" s="223">
        <v>0.92</v>
      </c>
      <c r="K18" s="474">
        <v>1.06</v>
      </c>
      <c r="L18" s="168"/>
    </row>
    <row r="19" spans="2:12" ht="14.25" customHeight="1" x14ac:dyDescent="0.15">
      <c r="B19" s="168"/>
      <c r="C19" s="161" t="s">
        <v>170</v>
      </c>
      <c r="D19" s="161" t="s">
        <v>361</v>
      </c>
      <c r="E19" s="434">
        <v>38</v>
      </c>
      <c r="F19" s="162">
        <v>40</v>
      </c>
      <c r="G19" s="484"/>
      <c r="H19" s="484"/>
      <c r="I19" s="179">
        <v>38</v>
      </c>
      <c r="J19" s="145">
        <v>1</v>
      </c>
      <c r="K19" s="596">
        <v>1.28</v>
      </c>
      <c r="L19" s="168"/>
    </row>
    <row r="20" spans="2:12" ht="14.25" customHeight="1" x14ac:dyDescent="0.15">
      <c r="B20" s="168"/>
      <c r="C20" s="161" t="s">
        <v>170</v>
      </c>
      <c r="D20" s="161" t="s">
        <v>358</v>
      </c>
      <c r="E20" s="434">
        <v>78</v>
      </c>
      <c r="F20" s="162">
        <v>70</v>
      </c>
      <c r="G20" s="484"/>
      <c r="H20" s="484"/>
      <c r="I20" s="179">
        <v>69</v>
      </c>
      <c r="J20" s="145">
        <v>0.88</v>
      </c>
      <c r="K20" s="596">
        <v>1.1000000000000001</v>
      </c>
      <c r="L20" s="168"/>
    </row>
    <row r="21" spans="2:12" ht="14.25" customHeight="1" x14ac:dyDescent="0.15">
      <c r="B21" s="168"/>
      <c r="D21" s="234" t="s">
        <v>359</v>
      </c>
      <c r="E21" s="436">
        <v>194</v>
      </c>
      <c r="F21" s="263">
        <v>182</v>
      </c>
      <c r="G21" s="263"/>
      <c r="H21" s="263"/>
      <c r="I21" s="263">
        <v>179</v>
      </c>
      <c r="J21" s="111">
        <v>0.92</v>
      </c>
      <c r="K21" s="141">
        <v>1.1200000000000001</v>
      </c>
      <c r="L21" s="168"/>
    </row>
    <row r="22" spans="2:12" ht="7.5" customHeight="1" x14ac:dyDescent="0.15">
      <c r="B22" s="284"/>
      <c r="C22" s="477"/>
      <c r="D22" s="477"/>
      <c r="E22" s="597"/>
      <c r="F22" s="478"/>
      <c r="G22" s="478"/>
      <c r="H22" s="478"/>
      <c r="I22" s="478"/>
      <c r="J22" s="478"/>
      <c r="K22" s="598"/>
      <c r="L22" s="168"/>
    </row>
    <row r="23" spans="2:12" ht="7.5" customHeight="1" x14ac:dyDescent="0.15">
      <c r="B23" s="168"/>
      <c r="E23" s="434"/>
      <c r="K23" s="239"/>
      <c r="L23" s="168"/>
    </row>
    <row r="24" spans="2:12" ht="14.25" customHeight="1" x14ac:dyDescent="0.15">
      <c r="B24" s="168"/>
      <c r="C24" s="663" t="s">
        <v>139</v>
      </c>
      <c r="D24" s="664"/>
      <c r="E24" s="436">
        <v>460</v>
      </c>
      <c r="F24" s="195">
        <v>488</v>
      </c>
      <c r="G24" s="195"/>
      <c r="H24" s="195"/>
      <c r="I24" s="195">
        <v>485</v>
      </c>
      <c r="J24" s="111">
        <v>1.05</v>
      </c>
      <c r="K24" s="141">
        <v>1.08</v>
      </c>
      <c r="L24" s="168"/>
    </row>
    <row r="25" spans="2:12" ht="7.5" customHeight="1" x14ac:dyDescent="0.15">
      <c r="B25" s="172"/>
      <c r="C25" s="173"/>
      <c r="D25" s="173"/>
      <c r="E25" s="599"/>
      <c r="F25" s="173"/>
      <c r="G25" s="173"/>
      <c r="H25" s="173"/>
      <c r="I25" s="173"/>
      <c r="J25" s="173"/>
      <c r="K25" s="594"/>
      <c r="L25" s="168"/>
    </row>
    <row r="26" spans="2:12" ht="8.1" customHeight="1" x14ac:dyDescent="0.15">
      <c r="B26" s="546"/>
      <c r="E26" s="161"/>
      <c r="F26" s="161"/>
      <c r="G26" s="161"/>
      <c r="H26" s="161"/>
      <c r="I26" s="161"/>
      <c r="J26" s="161"/>
      <c r="K26" s="161"/>
    </row>
    <row r="27" spans="2:12" ht="8.1" customHeight="1" x14ac:dyDescent="0.15">
      <c r="B27" s="546"/>
      <c r="E27" s="161"/>
      <c r="F27" s="161"/>
      <c r="G27" s="161"/>
      <c r="H27" s="161"/>
      <c r="I27" s="161"/>
      <c r="J27" s="161"/>
      <c r="K27" s="161"/>
    </row>
    <row r="28" spans="2:12" ht="8.1" customHeight="1" x14ac:dyDescent="0.15">
      <c r="B28" s="546"/>
      <c r="E28" s="161"/>
      <c r="F28" s="161"/>
      <c r="G28" s="161"/>
      <c r="H28" s="161"/>
      <c r="I28" s="161"/>
      <c r="J28" s="161"/>
      <c r="K28" s="161"/>
    </row>
    <row r="29" spans="2:12" ht="7.5" customHeight="1" x14ac:dyDescent="0.15">
      <c r="C29" s="240"/>
      <c r="D29" s="240"/>
      <c r="K29" s="162"/>
    </row>
    <row r="30" spans="2:12" ht="14.25" customHeight="1" x14ac:dyDescent="0.15">
      <c r="B30" s="161" t="s">
        <v>366</v>
      </c>
    </row>
    <row r="31" spans="2:12" ht="7.5" customHeight="1" x14ac:dyDescent="0.15">
      <c r="B31" s="163"/>
      <c r="C31" s="164"/>
      <c r="D31" s="164"/>
      <c r="E31" s="13"/>
      <c r="F31" s="14"/>
      <c r="G31" s="14"/>
      <c r="H31" s="14"/>
      <c r="I31" s="14"/>
      <c r="J31" s="14"/>
      <c r="K31" s="15"/>
      <c r="L31" s="168"/>
    </row>
    <row r="32" spans="2:12" ht="14.25" customHeight="1" x14ac:dyDescent="0.15">
      <c r="B32" s="168"/>
      <c r="E32" s="18"/>
      <c r="F32" s="19" t="s">
        <v>7</v>
      </c>
      <c r="G32" s="20" t="s">
        <v>8</v>
      </c>
      <c r="H32" s="21"/>
      <c r="I32" s="22"/>
      <c r="J32" s="19" t="s">
        <v>9</v>
      </c>
      <c r="K32" s="642" t="s">
        <v>10</v>
      </c>
      <c r="L32" s="168"/>
    </row>
    <row r="33" spans="2:12" ht="14.25" customHeight="1" x14ac:dyDescent="0.15">
      <c r="B33" s="168"/>
      <c r="C33" s="161" t="s">
        <v>0</v>
      </c>
      <c r="D33" s="161" t="s">
        <v>353</v>
      </c>
      <c r="E33" s="26" t="s">
        <v>11</v>
      </c>
      <c r="F33" s="27" t="s">
        <v>12</v>
      </c>
      <c r="G33" s="28" t="s">
        <v>13</v>
      </c>
      <c r="H33" s="29"/>
      <c r="I33" s="30"/>
      <c r="J33" s="31" t="s">
        <v>14</v>
      </c>
      <c r="K33" s="642"/>
      <c r="L33" s="168"/>
    </row>
    <row r="34" spans="2:12" ht="14.25" customHeight="1" x14ac:dyDescent="0.15">
      <c r="B34" s="168"/>
      <c r="C34" s="171"/>
      <c r="D34" s="171"/>
      <c r="E34" s="26" t="s">
        <v>16</v>
      </c>
      <c r="F34" s="27"/>
      <c r="G34" s="29" t="s">
        <v>17</v>
      </c>
      <c r="H34" s="32"/>
      <c r="I34" s="30"/>
      <c r="J34" s="31" t="s">
        <v>18</v>
      </c>
      <c r="K34" s="642"/>
      <c r="L34" s="168"/>
    </row>
    <row r="35" spans="2:12" ht="7.5" customHeight="1" x14ac:dyDescent="0.15">
      <c r="B35" s="172"/>
      <c r="C35" s="216"/>
      <c r="D35" s="216"/>
      <c r="E35" s="37"/>
      <c r="F35" s="38"/>
      <c r="G35" s="39"/>
      <c r="H35" s="36"/>
      <c r="I35" s="40"/>
      <c r="J35" s="41"/>
      <c r="K35" s="42"/>
      <c r="L35" s="168"/>
    </row>
    <row r="36" spans="2:12" ht="7.5" customHeight="1" x14ac:dyDescent="0.15">
      <c r="B36" s="163"/>
      <c r="C36" s="171"/>
      <c r="D36" s="171"/>
      <c r="E36" s="44"/>
      <c r="F36" s="2"/>
      <c r="G36" s="2"/>
      <c r="H36" s="2"/>
      <c r="I36" s="2"/>
      <c r="J36" s="2"/>
      <c r="K36" s="595"/>
      <c r="L36" s="168"/>
    </row>
    <row r="37" spans="2:12" ht="14.25" customHeight="1" x14ac:dyDescent="0.15">
      <c r="B37" s="168"/>
      <c r="C37" s="161" t="s">
        <v>279</v>
      </c>
      <c r="D37" s="161" t="s">
        <v>367</v>
      </c>
      <c r="E37" s="434">
        <v>78</v>
      </c>
      <c r="F37" s="162">
        <v>88</v>
      </c>
      <c r="G37" s="484"/>
      <c r="H37" s="484"/>
      <c r="I37" s="179">
        <v>84</v>
      </c>
      <c r="J37" s="145">
        <v>1.08</v>
      </c>
      <c r="K37" s="600">
        <v>1.19</v>
      </c>
      <c r="L37" s="168"/>
    </row>
    <row r="38" spans="2:12" ht="14.25" customHeight="1" x14ac:dyDescent="0.15">
      <c r="B38" s="168"/>
      <c r="C38" s="161" t="s">
        <v>170</v>
      </c>
      <c r="D38" s="161" t="s">
        <v>368</v>
      </c>
      <c r="E38" s="434">
        <v>78</v>
      </c>
      <c r="F38" s="162">
        <v>81</v>
      </c>
      <c r="G38" s="484"/>
      <c r="H38" s="484"/>
      <c r="I38" s="179">
        <v>81</v>
      </c>
      <c r="J38" s="145">
        <v>1.04</v>
      </c>
      <c r="K38" s="600">
        <v>1.1499999999999999</v>
      </c>
      <c r="L38" s="168"/>
    </row>
    <row r="39" spans="2:12" ht="14.25" customHeight="1" x14ac:dyDescent="0.15">
      <c r="B39" s="168"/>
      <c r="C39" s="161" t="s">
        <v>170</v>
      </c>
      <c r="D39" s="161" t="s">
        <v>369</v>
      </c>
      <c r="E39" s="434">
        <v>118</v>
      </c>
      <c r="F39" s="162">
        <v>129</v>
      </c>
      <c r="G39" s="484"/>
      <c r="H39" s="484"/>
      <c r="I39" s="179">
        <v>127</v>
      </c>
      <c r="J39" s="145">
        <v>1.08</v>
      </c>
      <c r="K39" s="600">
        <v>1.1200000000000001</v>
      </c>
      <c r="L39" s="168"/>
    </row>
    <row r="40" spans="2:12" ht="14.25" customHeight="1" x14ac:dyDescent="0.15">
      <c r="B40" s="168"/>
      <c r="C40" s="161" t="s">
        <v>170</v>
      </c>
      <c r="D40" s="161" t="s">
        <v>370</v>
      </c>
      <c r="E40" s="434">
        <v>38</v>
      </c>
      <c r="F40" s="162">
        <v>56</v>
      </c>
      <c r="G40" s="484"/>
      <c r="H40" s="484"/>
      <c r="I40" s="179">
        <v>56</v>
      </c>
      <c r="J40" s="145">
        <v>1.47</v>
      </c>
      <c r="K40" s="600">
        <v>1.79</v>
      </c>
      <c r="L40" s="168"/>
    </row>
    <row r="41" spans="2:12" ht="14.25" customHeight="1" x14ac:dyDescent="0.15">
      <c r="B41" s="168"/>
      <c r="D41" s="234" t="s">
        <v>289</v>
      </c>
      <c r="E41" s="436">
        <v>312</v>
      </c>
      <c r="F41" s="263">
        <v>354</v>
      </c>
      <c r="G41" s="263"/>
      <c r="H41" s="263"/>
      <c r="I41" s="263">
        <v>348</v>
      </c>
      <c r="J41" s="111">
        <v>1.1200000000000001</v>
      </c>
      <c r="K41" s="290">
        <v>1.23</v>
      </c>
      <c r="L41" s="168"/>
    </row>
    <row r="42" spans="2:12" ht="21.75" customHeight="1" x14ac:dyDescent="0.15">
      <c r="B42" s="168"/>
      <c r="C42" s="161" t="s">
        <v>371</v>
      </c>
      <c r="D42" s="161" t="s">
        <v>372</v>
      </c>
      <c r="E42" s="434">
        <v>118</v>
      </c>
      <c r="F42" s="162">
        <v>102</v>
      </c>
      <c r="G42" s="484"/>
      <c r="H42" s="484"/>
      <c r="I42" s="179">
        <v>102</v>
      </c>
      <c r="J42" s="223">
        <v>0.86</v>
      </c>
      <c r="K42" s="600">
        <v>1.1599999999999999</v>
      </c>
      <c r="L42" s="168"/>
    </row>
    <row r="43" spans="2:12" ht="21.75" customHeight="1" x14ac:dyDescent="0.15">
      <c r="B43" s="168"/>
      <c r="C43" s="161" t="s">
        <v>373</v>
      </c>
      <c r="D43" s="161" t="s">
        <v>367</v>
      </c>
      <c r="E43" s="434">
        <v>76</v>
      </c>
      <c r="F43" s="162">
        <v>76</v>
      </c>
      <c r="G43" s="484"/>
      <c r="H43" s="484"/>
      <c r="I43" s="179">
        <v>75</v>
      </c>
      <c r="J43" s="223">
        <v>0.99</v>
      </c>
      <c r="K43" s="600">
        <v>0.79</v>
      </c>
      <c r="L43" s="168"/>
    </row>
    <row r="44" spans="2:12" ht="14.25" customHeight="1" x14ac:dyDescent="0.15">
      <c r="B44" s="168"/>
      <c r="C44" s="161" t="s">
        <v>170</v>
      </c>
      <c r="D44" s="161" t="s">
        <v>369</v>
      </c>
      <c r="E44" s="434">
        <v>76</v>
      </c>
      <c r="F44" s="162">
        <v>77</v>
      </c>
      <c r="G44" s="484"/>
      <c r="H44" s="484"/>
      <c r="I44" s="179">
        <v>77</v>
      </c>
      <c r="J44" s="145">
        <v>1.01</v>
      </c>
      <c r="K44" s="600">
        <v>0.92</v>
      </c>
      <c r="L44" s="168"/>
    </row>
    <row r="45" spans="2:12" ht="14.25" customHeight="1" x14ac:dyDescent="0.15">
      <c r="B45" s="168"/>
      <c r="C45" s="161" t="s">
        <v>170</v>
      </c>
      <c r="D45" s="161" t="s">
        <v>368</v>
      </c>
      <c r="E45" s="434">
        <v>36</v>
      </c>
      <c r="F45" s="162">
        <v>39</v>
      </c>
      <c r="G45" s="484"/>
      <c r="H45" s="484"/>
      <c r="I45" s="179">
        <v>38</v>
      </c>
      <c r="J45" s="145">
        <v>1.06</v>
      </c>
      <c r="K45" s="600">
        <v>0.87</v>
      </c>
      <c r="L45" s="168"/>
    </row>
    <row r="46" spans="2:12" ht="14.25" customHeight="1" x14ac:dyDescent="0.15">
      <c r="B46" s="168"/>
      <c r="C46" s="161" t="s">
        <v>170</v>
      </c>
      <c r="D46" s="161" t="s">
        <v>374</v>
      </c>
      <c r="E46" s="434">
        <v>36</v>
      </c>
      <c r="F46" s="162">
        <v>20</v>
      </c>
      <c r="G46" s="484"/>
      <c r="H46" s="484"/>
      <c r="I46" s="179">
        <v>19</v>
      </c>
      <c r="J46" s="145">
        <v>0.53</v>
      </c>
      <c r="K46" s="600">
        <v>0.26</v>
      </c>
      <c r="L46" s="168"/>
    </row>
    <row r="47" spans="2:12" ht="14.25" customHeight="1" x14ac:dyDescent="0.15">
      <c r="B47" s="168"/>
      <c r="D47" s="234" t="s">
        <v>289</v>
      </c>
      <c r="E47" s="436">
        <v>224</v>
      </c>
      <c r="F47" s="263">
        <v>212</v>
      </c>
      <c r="G47" s="263"/>
      <c r="H47" s="263"/>
      <c r="I47" s="263">
        <v>209</v>
      </c>
      <c r="J47" s="111">
        <v>0.93</v>
      </c>
      <c r="K47" s="290">
        <v>0.76</v>
      </c>
      <c r="L47" s="168"/>
    </row>
    <row r="48" spans="2:12" ht="21.75" customHeight="1" x14ac:dyDescent="0.15">
      <c r="B48" s="168"/>
      <c r="C48" s="161" t="s">
        <v>375</v>
      </c>
      <c r="D48" s="161" t="s">
        <v>372</v>
      </c>
      <c r="E48" s="434">
        <v>238</v>
      </c>
      <c r="F48" s="162">
        <v>248</v>
      </c>
      <c r="G48" s="484"/>
      <c r="H48" s="484"/>
      <c r="I48" s="179">
        <v>244</v>
      </c>
      <c r="J48" s="223">
        <v>1.03</v>
      </c>
      <c r="K48" s="600">
        <v>0.68</v>
      </c>
      <c r="L48" s="168"/>
    </row>
    <row r="49" spans="2:12" ht="21.75" customHeight="1" x14ac:dyDescent="0.15">
      <c r="B49" s="168"/>
      <c r="C49" s="161" t="s">
        <v>376</v>
      </c>
      <c r="D49" s="161" t="s">
        <v>377</v>
      </c>
      <c r="E49" s="434">
        <v>78</v>
      </c>
      <c r="F49" s="162">
        <v>63</v>
      </c>
      <c r="G49" s="484"/>
      <c r="H49" s="484"/>
      <c r="I49" s="179">
        <v>63</v>
      </c>
      <c r="J49" s="223">
        <v>0.81</v>
      </c>
      <c r="K49" s="600">
        <v>0.87</v>
      </c>
      <c r="L49" s="168"/>
    </row>
    <row r="50" spans="2:12" ht="14.25" customHeight="1" x14ac:dyDescent="0.15">
      <c r="B50" s="168"/>
      <c r="C50" s="161" t="s">
        <v>170</v>
      </c>
      <c r="D50" s="161" t="s">
        <v>378</v>
      </c>
      <c r="E50" s="434">
        <v>78</v>
      </c>
      <c r="F50" s="162">
        <v>56</v>
      </c>
      <c r="G50" s="484"/>
      <c r="H50" s="484"/>
      <c r="I50" s="179">
        <v>55</v>
      </c>
      <c r="J50" s="145">
        <v>0.71</v>
      </c>
      <c r="K50" s="600">
        <v>0.83</v>
      </c>
      <c r="L50" s="168"/>
    </row>
    <row r="51" spans="2:12" ht="14.25" customHeight="1" x14ac:dyDescent="0.15">
      <c r="B51" s="168"/>
      <c r="C51" s="161" t="s">
        <v>170</v>
      </c>
      <c r="D51" s="161" t="s">
        <v>379</v>
      </c>
      <c r="E51" s="434">
        <v>78</v>
      </c>
      <c r="F51" s="162">
        <v>62</v>
      </c>
      <c r="G51" s="484"/>
      <c r="H51" s="484"/>
      <c r="I51" s="179">
        <v>62</v>
      </c>
      <c r="J51" s="145">
        <v>0.79</v>
      </c>
      <c r="K51" s="596">
        <v>0.88</v>
      </c>
      <c r="L51" s="168"/>
    </row>
    <row r="52" spans="2:12" ht="14.25" customHeight="1" x14ac:dyDescent="0.15">
      <c r="B52" s="168"/>
      <c r="D52" s="234" t="s">
        <v>289</v>
      </c>
      <c r="E52" s="436">
        <v>234</v>
      </c>
      <c r="F52" s="263">
        <v>181</v>
      </c>
      <c r="G52" s="263"/>
      <c r="H52" s="263"/>
      <c r="I52" s="263">
        <v>180</v>
      </c>
      <c r="J52" s="111">
        <v>0.77</v>
      </c>
      <c r="K52" s="290">
        <v>0.86</v>
      </c>
      <c r="L52" s="168"/>
    </row>
    <row r="53" spans="2:12" ht="7.5" customHeight="1" x14ac:dyDescent="0.15">
      <c r="B53" s="172"/>
      <c r="C53" s="173"/>
      <c r="D53" s="173"/>
      <c r="E53" s="199"/>
      <c r="F53" s="200"/>
      <c r="G53" s="200"/>
      <c r="H53" s="200"/>
      <c r="I53" s="200"/>
      <c r="J53" s="200"/>
      <c r="K53" s="601"/>
      <c r="L53" s="168"/>
    </row>
    <row r="54" spans="2:12" ht="7.5" customHeight="1" x14ac:dyDescent="0.15">
      <c r="K54" s="484"/>
    </row>
    <row r="55" spans="2:12" ht="14.25" customHeight="1" x14ac:dyDescent="0.15">
      <c r="K55" s="162"/>
    </row>
    <row r="56" spans="2:12" ht="7.5" customHeight="1" x14ac:dyDescent="0.15">
      <c r="B56" s="163"/>
      <c r="C56" s="164"/>
      <c r="D56" s="164"/>
      <c r="E56" s="13"/>
      <c r="F56" s="14"/>
      <c r="G56" s="14"/>
      <c r="H56" s="14"/>
      <c r="I56" s="14"/>
      <c r="J56" s="14"/>
      <c r="K56" s="15"/>
      <c r="L56" s="168"/>
    </row>
    <row r="57" spans="2:12" ht="14.25" customHeight="1" x14ac:dyDescent="0.15">
      <c r="B57" s="168"/>
      <c r="E57" s="18"/>
      <c r="F57" s="19" t="s">
        <v>7</v>
      </c>
      <c r="G57" s="20" t="s">
        <v>8</v>
      </c>
      <c r="H57" s="21"/>
      <c r="I57" s="22"/>
      <c r="J57" s="19" t="s">
        <v>9</v>
      </c>
      <c r="K57" s="642" t="s">
        <v>10</v>
      </c>
      <c r="L57" s="168"/>
    </row>
    <row r="58" spans="2:12" ht="14.25" customHeight="1" x14ac:dyDescent="0.15">
      <c r="B58" s="168"/>
      <c r="C58" s="161" t="s">
        <v>0</v>
      </c>
      <c r="D58" s="161" t="s">
        <v>353</v>
      </c>
      <c r="E58" s="26" t="s">
        <v>11</v>
      </c>
      <c r="F58" s="27" t="s">
        <v>12</v>
      </c>
      <c r="G58" s="28" t="s">
        <v>13</v>
      </c>
      <c r="H58" s="29"/>
      <c r="I58" s="30"/>
      <c r="J58" s="31" t="s">
        <v>14</v>
      </c>
      <c r="K58" s="642"/>
      <c r="L58" s="168"/>
    </row>
    <row r="59" spans="2:12" ht="14.25" customHeight="1" x14ac:dyDescent="0.15">
      <c r="B59" s="168"/>
      <c r="C59" s="171"/>
      <c r="D59" s="171"/>
      <c r="E59" s="26" t="s">
        <v>16</v>
      </c>
      <c r="F59" s="27"/>
      <c r="G59" s="29" t="s">
        <v>17</v>
      </c>
      <c r="H59" s="32"/>
      <c r="I59" s="30"/>
      <c r="J59" s="31" t="s">
        <v>18</v>
      </c>
      <c r="K59" s="642"/>
      <c r="L59" s="168"/>
    </row>
    <row r="60" spans="2:12" ht="7.5" customHeight="1" x14ac:dyDescent="0.15">
      <c r="B60" s="172"/>
      <c r="C60" s="216"/>
      <c r="D60" s="216"/>
      <c r="E60" s="37"/>
      <c r="F60" s="38"/>
      <c r="G60" s="39"/>
      <c r="H60" s="36"/>
      <c r="I60" s="40"/>
      <c r="J60" s="41"/>
      <c r="K60" s="42"/>
      <c r="L60" s="168"/>
    </row>
    <row r="61" spans="2:12" ht="7.5" customHeight="1" x14ac:dyDescent="0.15">
      <c r="B61" s="163"/>
      <c r="C61" s="211"/>
      <c r="D61" s="211"/>
      <c r="E61" s="44"/>
      <c r="F61" s="14"/>
      <c r="G61" s="14"/>
      <c r="H61" s="14"/>
      <c r="I61" s="14"/>
      <c r="J61" s="14"/>
      <c r="K61" s="595"/>
      <c r="L61" s="168"/>
    </row>
    <row r="62" spans="2:12" ht="14.25" customHeight="1" x14ac:dyDescent="0.15">
      <c r="B62" s="168"/>
      <c r="C62" s="161" t="s">
        <v>380</v>
      </c>
      <c r="D62" s="161" t="s">
        <v>367</v>
      </c>
      <c r="E62" s="434">
        <v>78</v>
      </c>
      <c r="F62" s="162">
        <v>48</v>
      </c>
      <c r="G62" s="484"/>
      <c r="H62" s="484"/>
      <c r="I62" s="179">
        <v>48</v>
      </c>
      <c r="J62" s="223">
        <v>0.62</v>
      </c>
      <c r="K62" s="600">
        <v>0.67</v>
      </c>
      <c r="L62" s="168"/>
    </row>
    <row r="63" spans="2:12" ht="14.25" customHeight="1" x14ac:dyDescent="0.15">
      <c r="B63" s="168"/>
      <c r="C63" s="161" t="s">
        <v>170</v>
      </c>
      <c r="D63" s="161" t="s">
        <v>369</v>
      </c>
      <c r="E63" s="434">
        <v>78</v>
      </c>
      <c r="F63" s="162">
        <v>64</v>
      </c>
      <c r="G63" s="484"/>
      <c r="H63" s="484"/>
      <c r="I63" s="179">
        <v>64</v>
      </c>
      <c r="J63" s="145">
        <v>0.82</v>
      </c>
      <c r="K63" s="600">
        <v>0.67</v>
      </c>
      <c r="L63" s="168"/>
    </row>
    <row r="64" spans="2:12" ht="14.25" customHeight="1" x14ac:dyDescent="0.15">
      <c r="B64" s="168"/>
      <c r="C64" s="161" t="s">
        <v>170</v>
      </c>
      <c r="D64" s="161" t="s">
        <v>381</v>
      </c>
      <c r="E64" s="434">
        <v>38</v>
      </c>
      <c r="F64" s="162">
        <v>35</v>
      </c>
      <c r="G64" s="484"/>
      <c r="H64" s="484"/>
      <c r="I64" s="179">
        <v>35</v>
      </c>
      <c r="J64" s="145">
        <v>0.92</v>
      </c>
      <c r="K64" s="600">
        <v>1</v>
      </c>
      <c r="L64" s="168"/>
    </row>
    <row r="65" spans="2:12" ht="14.25" customHeight="1" x14ac:dyDescent="0.15">
      <c r="B65" s="168"/>
      <c r="C65" s="161" t="s">
        <v>170</v>
      </c>
      <c r="D65" s="161" t="s">
        <v>374</v>
      </c>
      <c r="E65" s="434">
        <v>38</v>
      </c>
      <c r="F65" s="162">
        <v>32</v>
      </c>
      <c r="G65" s="484"/>
      <c r="H65" s="484"/>
      <c r="I65" s="179">
        <v>32</v>
      </c>
      <c r="J65" s="145">
        <v>0.84</v>
      </c>
      <c r="K65" s="600">
        <v>0.72</v>
      </c>
      <c r="L65" s="168"/>
    </row>
    <row r="66" spans="2:12" ht="16.5" customHeight="1" x14ac:dyDescent="0.15">
      <c r="B66" s="168"/>
      <c r="D66" s="234" t="s">
        <v>289</v>
      </c>
      <c r="E66" s="436">
        <v>232</v>
      </c>
      <c r="F66" s="236">
        <v>179</v>
      </c>
      <c r="G66" s="236"/>
      <c r="H66" s="236"/>
      <c r="I66" s="236">
        <v>179</v>
      </c>
      <c r="J66" s="111">
        <v>0.77</v>
      </c>
      <c r="K66" s="290">
        <v>0.73</v>
      </c>
      <c r="L66" s="168"/>
    </row>
    <row r="67" spans="2:12" ht="21.75" customHeight="1" x14ac:dyDescent="0.15">
      <c r="B67" s="168"/>
      <c r="C67" s="161" t="s">
        <v>382</v>
      </c>
      <c r="D67" s="161" t="s">
        <v>372</v>
      </c>
      <c r="E67" s="434">
        <v>238</v>
      </c>
      <c r="F67" s="162">
        <v>127</v>
      </c>
      <c r="G67" s="484"/>
      <c r="H67" s="484"/>
      <c r="I67" s="179">
        <v>126</v>
      </c>
      <c r="J67" s="223">
        <v>0.53</v>
      </c>
      <c r="K67" s="600">
        <v>0.8</v>
      </c>
      <c r="L67" s="168"/>
    </row>
    <row r="68" spans="2:12" ht="21.75" customHeight="1" x14ac:dyDescent="0.15">
      <c r="B68" s="168"/>
      <c r="C68" s="161" t="s">
        <v>383</v>
      </c>
      <c r="D68" s="161" t="s">
        <v>372</v>
      </c>
      <c r="E68" s="434">
        <v>238</v>
      </c>
      <c r="F68" s="162">
        <v>161</v>
      </c>
      <c r="G68" s="484"/>
      <c r="H68" s="484"/>
      <c r="I68" s="179">
        <v>158</v>
      </c>
      <c r="J68" s="223">
        <v>0.66</v>
      </c>
      <c r="K68" s="600">
        <v>0.86</v>
      </c>
      <c r="L68" s="168"/>
    </row>
    <row r="69" spans="2:12" s="251" customFormat="1" ht="21.75" customHeight="1" x14ac:dyDescent="0.15">
      <c r="B69" s="250"/>
      <c r="C69" s="251" t="s">
        <v>384</v>
      </c>
      <c r="D69" s="251" t="s">
        <v>367</v>
      </c>
      <c r="E69" s="434">
        <v>38</v>
      </c>
      <c r="F69" s="602">
        <v>25</v>
      </c>
      <c r="G69" s="603"/>
      <c r="H69" s="603"/>
      <c r="I69" s="604">
        <v>25</v>
      </c>
      <c r="J69" s="605">
        <v>0.66</v>
      </c>
      <c r="K69" s="606">
        <v>1</v>
      </c>
      <c r="L69" s="250"/>
    </row>
    <row r="70" spans="2:12" s="251" customFormat="1" ht="14.25" customHeight="1" x14ac:dyDescent="0.15">
      <c r="B70" s="250"/>
      <c r="C70" s="251" t="s">
        <v>170</v>
      </c>
      <c r="D70" s="251" t="s">
        <v>385</v>
      </c>
      <c r="E70" s="434">
        <v>38</v>
      </c>
      <c r="F70" s="602">
        <v>30</v>
      </c>
      <c r="G70" s="603"/>
      <c r="H70" s="603"/>
      <c r="I70" s="604">
        <v>30</v>
      </c>
      <c r="J70" s="607">
        <v>0.79</v>
      </c>
      <c r="K70" s="606">
        <v>0.68</v>
      </c>
      <c r="L70" s="250"/>
    </row>
    <row r="71" spans="2:12" s="251" customFormat="1" ht="14.25" customHeight="1" x14ac:dyDescent="0.15">
      <c r="B71" s="250"/>
      <c r="C71" s="251" t="s">
        <v>170</v>
      </c>
      <c r="D71" s="251" t="s">
        <v>381</v>
      </c>
      <c r="E71" s="434">
        <v>38</v>
      </c>
      <c r="F71" s="602">
        <v>25</v>
      </c>
      <c r="G71" s="603"/>
      <c r="H71" s="603"/>
      <c r="I71" s="604">
        <v>25</v>
      </c>
      <c r="J71" s="607">
        <v>0.66</v>
      </c>
      <c r="K71" s="606">
        <v>0.32</v>
      </c>
      <c r="L71" s="250"/>
    </row>
    <row r="72" spans="2:12" s="251" customFormat="1" ht="14.25" customHeight="1" x14ac:dyDescent="0.15">
      <c r="B72" s="250"/>
      <c r="C72" s="251" t="s">
        <v>170</v>
      </c>
      <c r="D72" s="251" t="s">
        <v>370</v>
      </c>
      <c r="E72" s="434">
        <v>38</v>
      </c>
      <c r="F72" s="602">
        <v>37</v>
      </c>
      <c r="G72" s="603"/>
      <c r="H72" s="603"/>
      <c r="I72" s="604">
        <v>37</v>
      </c>
      <c r="J72" s="607">
        <v>0.97</v>
      </c>
      <c r="K72" s="606">
        <v>0.87</v>
      </c>
      <c r="L72" s="250"/>
    </row>
    <row r="73" spans="2:12" ht="15.75" customHeight="1" x14ac:dyDescent="0.15">
      <c r="B73" s="168"/>
      <c r="D73" s="234" t="s">
        <v>289</v>
      </c>
      <c r="E73" s="436">
        <v>152</v>
      </c>
      <c r="F73" s="236">
        <v>117</v>
      </c>
      <c r="G73" s="236"/>
      <c r="H73" s="236"/>
      <c r="I73" s="236">
        <v>117</v>
      </c>
      <c r="J73" s="111">
        <v>0.77</v>
      </c>
      <c r="K73" s="238">
        <v>0.72</v>
      </c>
      <c r="L73" s="168"/>
    </row>
    <row r="74" spans="2:12" ht="21.75" customHeight="1" x14ac:dyDescent="0.15">
      <c r="B74" s="168"/>
      <c r="C74" s="161" t="s">
        <v>386</v>
      </c>
      <c r="D74" s="161" t="s">
        <v>387</v>
      </c>
      <c r="E74" s="434">
        <v>39</v>
      </c>
      <c r="F74" s="162">
        <v>41</v>
      </c>
      <c r="G74" s="484"/>
      <c r="H74" s="484"/>
      <c r="I74" s="179">
        <v>39</v>
      </c>
      <c r="J74" s="223">
        <v>1</v>
      </c>
      <c r="K74" s="239">
        <v>1.33</v>
      </c>
      <c r="L74" s="168"/>
    </row>
    <row r="75" spans="2:12" ht="14.25" customHeight="1" x14ac:dyDescent="0.15">
      <c r="B75" s="168"/>
      <c r="C75" s="161" t="s">
        <v>170</v>
      </c>
      <c r="D75" s="161" t="s">
        <v>388</v>
      </c>
      <c r="E75" s="434">
        <v>39</v>
      </c>
      <c r="F75" s="162">
        <v>36</v>
      </c>
      <c r="G75" s="484"/>
      <c r="H75" s="484"/>
      <c r="I75" s="179">
        <v>33</v>
      </c>
      <c r="J75" s="145">
        <v>0.85</v>
      </c>
      <c r="K75" s="239">
        <v>1.1000000000000001</v>
      </c>
      <c r="L75" s="168"/>
    </row>
    <row r="76" spans="2:12" ht="14.25" customHeight="1" x14ac:dyDescent="0.15">
      <c r="B76" s="168"/>
      <c r="C76" s="161" t="s">
        <v>170</v>
      </c>
      <c r="D76" s="161" t="s">
        <v>389</v>
      </c>
      <c r="E76" s="434">
        <v>39</v>
      </c>
      <c r="F76" s="162">
        <v>34</v>
      </c>
      <c r="G76" s="484"/>
      <c r="H76" s="484"/>
      <c r="I76" s="179">
        <v>32</v>
      </c>
      <c r="J76" s="145">
        <v>0.82</v>
      </c>
      <c r="K76" s="239">
        <v>1.18</v>
      </c>
      <c r="L76" s="168"/>
    </row>
    <row r="77" spans="2:12" ht="14.25" customHeight="1" x14ac:dyDescent="0.15">
      <c r="B77" s="168"/>
      <c r="C77" s="161" t="s">
        <v>170</v>
      </c>
      <c r="D77" s="161" t="s">
        <v>390</v>
      </c>
      <c r="E77" s="434">
        <v>39</v>
      </c>
      <c r="F77" s="162">
        <v>44</v>
      </c>
      <c r="G77" s="484"/>
      <c r="H77" s="484"/>
      <c r="I77" s="179">
        <v>42</v>
      </c>
      <c r="J77" s="145">
        <v>1.08</v>
      </c>
      <c r="K77" s="239">
        <v>1.31</v>
      </c>
      <c r="L77" s="168"/>
    </row>
    <row r="78" spans="2:12" ht="14.25" customHeight="1" x14ac:dyDescent="0.15">
      <c r="B78" s="168"/>
      <c r="C78" s="161" t="s">
        <v>170</v>
      </c>
      <c r="D78" s="161" t="s">
        <v>370</v>
      </c>
      <c r="E78" s="434">
        <v>39</v>
      </c>
      <c r="F78" s="162">
        <v>38</v>
      </c>
      <c r="G78" s="484"/>
      <c r="H78" s="484"/>
      <c r="I78" s="179">
        <v>38</v>
      </c>
      <c r="J78" s="145">
        <v>0.97</v>
      </c>
      <c r="K78" s="239">
        <v>1.46</v>
      </c>
      <c r="L78" s="168"/>
    </row>
    <row r="79" spans="2:12" ht="14.25" customHeight="1" x14ac:dyDescent="0.15">
      <c r="B79" s="168"/>
      <c r="D79" s="234" t="s">
        <v>289</v>
      </c>
      <c r="E79" s="436">
        <v>195</v>
      </c>
      <c r="F79" s="236">
        <v>193</v>
      </c>
      <c r="G79" s="236"/>
      <c r="H79" s="236"/>
      <c r="I79" s="236">
        <v>184</v>
      </c>
      <c r="J79" s="111">
        <v>0.94</v>
      </c>
      <c r="K79" s="238">
        <v>1.28</v>
      </c>
      <c r="L79" s="168"/>
    </row>
    <row r="80" spans="2:12" ht="7.5" customHeight="1" x14ac:dyDescent="0.15">
      <c r="B80" s="168"/>
      <c r="E80" s="434"/>
      <c r="K80" s="608"/>
      <c r="L80" s="168"/>
    </row>
    <row r="81" spans="2:12" ht="7.5" customHeight="1" x14ac:dyDescent="0.15">
      <c r="B81" s="186"/>
      <c r="C81" s="187"/>
      <c r="D81" s="187"/>
      <c r="E81" s="483"/>
      <c r="F81" s="189"/>
      <c r="G81" s="189"/>
      <c r="H81" s="189"/>
      <c r="I81" s="189"/>
      <c r="J81" s="189"/>
      <c r="K81" s="609"/>
      <c r="L81" s="168"/>
    </row>
    <row r="82" spans="2:12" ht="14.25" customHeight="1" x14ac:dyDescent="0.15">
      <c r="B82" s="168"/>
      <c r="C82" s="663" t="s">
        <v>139</v>
      </c>
      <c r="D82" s="664"/>
      <c r="E82" s="436">
        <v>2181</v>
      </c>
      <c r="F82" s="195">
        <v>1874</v>
      </c>
      <c r="G82" s="195"/>
      <c r="H82" s="195"/>
      <c r="I82" s="195">
        <v>1847</v>
      </c>
      <c r="J82" s="111">
        <v>0.85</v>
      </c>
      <c r="K82" s="238">
        <v>0.91</v>
      </c>
      <c r="L82" s="168"/>
    </row>
    <row r="83" spans="2:12" ht="7.5" customHeight="1" x14ac:dyDescent="0.15">
      <c r="B83" s="172"/>
      <c r="C83" s="173"/>
      <c r="D83" s="173"/>
      <c r="E83" s="199"/>
      <c r="F83" s="200"/>
      <c r="G83" s="200"/>
      <c r="H83" s="200"/>
      <c r="I83" s="200"/>
      <c r="J83" s="200"/>
      <c r="K83" s="490"/>
      <c r="L83" s="168"/>
    </row>
    <row r="84" spans="2:12" s="251" customFormat="1" ht="23.25" customHeight="1" x14ac:dyDescent="0.15">
      <c r="B84" s="665" t="s">
        <v>391</v>
      </c>
      <c r="C84" s="665"/>
      <c r="D84" s="665"/>
      <c r="E84" s="665"/>
      <c r="F84" s="665"/>
      <c r="G84" s="665"/>
      <c r="H84" s="665"/>
      <c r="I84" s="665"/>
      <c r="J84" s="665"/>
      <c r="K84" s="665"/>
    </row>
    <row r="85" spans="2:12" ht="9.9499999999999993" customHeight="1" x14ac:dyDescent="0.15"/>
    <row r="86" spans="2:12" ht="14.25" customHeight="1" x14ac:dyDescent="0.15">
      <c r="B86" s="161" t="s">
        <v>392</v>
      </c>
    </row>
    <row r="87" spans="2:12" ht="7.5" customHeight="1" x14ac:dyDescent="0.15">
      <c r="B87" s="163"/>
      <c r="C87" s="164"/>
      <c r="D87" s="164"/>
      <c r="E87" s="13"/>
      <c r="F87" s="14"/>
      <c r="G87" s="14"/>
      <c r="H87" s="14"/>
      <c r="I87" s="14"/>
      <c r="J87" s="14"/>
      <c r="K87" s="15"/>
      <c r="L87" s="168"/>
    </row>
    <row r="88" spans="2:12" ht="14.25" customHeight="1" x14ac:dyDescent="0.15">
      <c r="B88" s="168"/>
      <c r="E88" s="18"/>
      <c r="F88" s="19" t="s">
        <v>7</v>
      </c>
      <c r="G88" s="20" t="s">
        <v>8</v>
      </c>
      <c r="H88" s="21"/>
      <c r="I88" s="22"/>
      <c r="J88" s="19" t="s">
        <v>9</v>
      </c>
      <c r="K88" s="642" t="s">
        <v>10</v>
      </c>
      <c r="L88" s="168"/>
    </row>
    <row r="89" spans="2:12" ht="14.25" customHeight="1" x14ac:dyDescent="0.15">
      <c r="B89" s="168"/>
      <c r="C89" s="161" t="s">
        <v>0</v>
      </c>
      <c r="D89" s="161" t="s">
        <v>353</v>
      </c>
      <c r="E89" s="26" t="s">
        <v>11</v>
      </c>
      <c r="F89" s="27" t="s">
        <v>12</v>
      </c>
      <c r="G89" s="28" t="s">
        <v>13</v>
      </c>
      <c r="H89" s="29"/>
      <c r="I89" s="30"/>
      <c r="J89" s="31" t="s">
        <v>14</v>
      </c>
      <c r="K89" s="642"/>
      <c r="L89" s="168"/>
    </row>
    <row r="90" spans="2:12" ht="14.25" customHeight="1" x14ac:dyDescent="0.15">
      <c r="B90" s="168"/>
      <c r="C90" s="171"/>
      <c r="D90" s="171"/>
      <c r="E90" s="26" t="s">
        <v>16</v>
      </c>
      <c r="F90" s="27"/>
      <c r="G90" s="29" t="s">
        <v>17</v>
      </c>
      <c r="H90" s="32"/>
      <c r="I90" s="30"/>
      <c r="J90" s="31" t="s">
        <v>18</v>
      </c>
      <c r="K90" s="642"/>
      <c r="L90" s="168"/>
    </row>
    <row r="91" spans="2:12" ht="7.5" customHeight="1" x14ac:dyDescent="0.15">
      <c r="B91" s="168"/>
      <c r="C91" s="216"/>
      <c r="D91" s="216"/>
      <c r="E91" s="37"/>
      <c r="F91" s="38"/>
      <c r="G91" s="39"/>
      <c r="H91" s="36"/>
      <c r="I91" s="40"/>
      <c r="J91" s="41"/>
      <c r="K91" s="42"/>
      <c r="L91" s="168"/>
    </row>
    <row r="92" spans="2:12" ht="7.5" customHeight="1" x14ac:dyDescent="0.15">
      <c r="B92" s="163"/>
      <c r="C92" s="171"/>
      <c r="D92" s="171"/>
      <c r="E92" s="44"/>
      <c r="F92" s="2"/>
      <c r="G92" s="2"/>
      <c r="H92" s="2"/>
      <c r="I92" s="2"/>
      <c r="J92" s="2"/>
      <c r="K92" s="595"/>
      <c r="L92" s="168"/>
    </row>
    <row r="93" spans="2:12" ht="14.25" customHeight="1" x14ac:dyDescent="0.15">
      <c r="B93" s="168"/>
      <c r="C93" s="161" t="s">
        <v>371</v>
      </c>
      <c r="D93" s="161" t="s">
        <v>393</v>
      </c>
      <c r="E93" s="434">
        <v>118</v>
      </c>
      <c r="F93" s="162">
        <v>106</v>
      </c>
      <c r="G93" s="484"/>
      <c r="H93" s="484"/>
      <c r="I93" s="179">
        <v>105</v>
      </c>
      <c r="J93" s="145">
        <v>0.89</v>
      </c>
      <c r="K93" s="239">
        <v>1.21</v>
      </c>
      <c r="L93" s="168"/>
    </row>
    <row r="94" spans="2:12" x14ac:dyDescent="0.15">
      <c r="B94" s="168"/>
      <c r="C94" s="161" t="s">
        <v>354</v>
      </c>
      <c r="D94" s="161" t="s">
        <v>393</v>
      </c>
      <c r="E94" s="434">
        <v>158</v>
      </c>
      <c r="F94" s="162">
        <v>164</v>
      </c>
      <c r="G94" s="484"/>
      <c r="H94" s="484"/>
      <c r="I94" s="179">
        <v>164</v>
      </c>
      <c r="J94" s="223">
        <v>1.04</v>
      </c>
      <c r="K94" s="239">
        <v>0.83</v>
      </c>
      <c r="L94" s="168"/>
    </row>
    <row r="95" spans="2:12" x14ac:dyDescent="0.15">
      <c r="B95" s="168"/>
      <c r="C95" s="161" t="s">
        <v>89</v>
      </c>
      <c r="D95" s="161" t="s">
        <v>393</v>
      </c>
      <c r="E95" s="434">
        <v>118</v>
      </c>
      <c r="F95" s="162">
        <v>75</v>
      </c>
      <c r="G95" s="484"/>
      <c r="H95" s="484"/>
      <c r="I95" s="179">
        <v>74</v>
      </c>
      <c r="J95" s="223">
        <v>0.63</v>
      </c>
      <c r="K95" s="600">
        <v>0.47</v>
      </c>
      <c r="L95" s="168"/>
    </row>
    <row r="96" spans="2:12" x14ac:dyDescent="0.15">
      <c r="B96" s="168"/>
      <c r="C96" s="161" t="s">
        <v>360</v>
      </c>
      <c r="D96" s="161" t="s">
        <v>393</v>
      </c>
      <c r="E96" s="434">
        <v>118</v>
      </c>
      <c r="F96" s="162">
        <v>136</v>
      </c>
      <c r="G96" s="484"/>
      <c r="H96" s="484"/>
      <c r="I96" s="179">
        <v>136</v>
      </c>
      <c r="J96" s="223">
        <v>1.1499999999999999</v>
      </c>
      <c r="K96" s="239">
        <v>1.06</v>
      </c>
      <c r="L96" s="168"/>
    </row>
    <row r="97" spans="2:12" x14ac:dyDescent="0.15">
      <c r="B97" s="168"/>
      <c r="C97" s="183" t="s">
        <v>95</v>
      </c>
      <c r="D97" s="161" t="s">
        <v>393</v>
      </c>
      <c r="E97" s="434">
        <v>158</v>
      </c>
      <c r="F97" s="162">
        <v>184</v>
      </c>
      <c r="G97" s="484"/>
      <c r="H97" s="484"/>
      <c r="I97" s="179">
        <v>184</v>
      </c>
      <c r="J97" s="223">
        <v>1.1599999999999999</v>
      </c>
      <c r="K97" s="239">
        <v>1.01</v>
      </c>
      <c r="L97" s="168"/>
    </row>
    <row r="98" spans="2:12" ht="21.75" customHeight="1" x14ac:dyDescent="0.15">
      <c r="B98" s="168"/>
      <c r="C98" s="161" t="s">
        <v>394</v>
      </c>
      <c r="D98" s="161" t="s">
        <v>395</v>
      </c>
      <c r="E98" s="434">
        <v>199</v>
      </c>
      <c r="F98" s="162">
        <v>213</v>
      </c>
      <c r="G98" s="484"/>
      <c r="H98" s="484"/>
      <c r="I98" s="179">
        <v>210</v>
      </c>
      <c r="J98" s="223">
        <v>1.06</v>
      </c>
      <c r="K98" s="239">
        <v>1.1399999999999999</v>
      </c>
      <c r="L98" s="168"/>
    </row>
    <row r="99" spans="2:12" x14ac:dyDescent="0.15">
      <c r="B99" s="168"/>
      <c r="C99" s="147" t="s">
        <v>170</v>
      </c>
      <c r="D99" s="610" t="s">
        <v>396</v>
      </c>
      <c r="E99" s="550">
        <v>39</v>
      </c>
      <c r="F99" s="162">
        <v>61</v>
      </c>
      <c r="G99" s="484"/>
      <c r="H99" s="484"/>
      <c r="I99" s="179">
        <v>61</v>
      </c>
      <c r="J99" s="223">
        <v>1.56</v>
      </c>
      <c r="K99" s="491">
        <v>1.05</v>
      </c>
      <c r="L99" s="168"/>
    </row>
    <row r="100" spans="2:12" ht="14.25" customHeight="1" x14ac:dyDescent="0.15">
      <c r="B100" s="168"/>
      <c r="C100" s="147"/>
      <c r="D100" s="405" t="s">
        <v>289</v>
      </c>
      <c r="E100" s="436">
        <v>238</v>
      </c>
      <c r="F100" s="236">
        <v>274</v>
      </c>
      <c r="G100" s="236"/>
      <c r="H100" s="236"/>
      <c r="I100" s="236">
        <v>271</v>
      </c>
      <c r="J100" s="231">
        <v>1.1399999999999999</v>
      </c>
      <c r="K100" s="238">
        <v>1.1299999999999999</v>
      </c>
      <c r="L100" s="168"/>
    </row>
    <row r="101" spans="2:12" ht="21" customHeight="1" x14ac:dyDescent="0.15">
      <c r="B101" s="168"/>
      <c r="C101" s="161" t="s">
        <v>397</v>
      </c>
      <c r="D101" s="161" t="s">
        <v>398</v>
      </c>
      <c r="E101" s="434">
        <v>118</v>
      </c>
      <c r="F101" s="162">
        <v>139</v>
      </c>
      <c r="G101" s="484"/>
      <c r="H101" s="484"/>
      <c r="I101" s="179">
        <v>138</v>
      </c>
      <c r="J101" s="223">
        <v>1.17</v>
      </c>
      <c r="K101" s="600">
        <v>1.42</v>
      </c>
      <c r="L101" s="168"/>
    </row>
    <row r="102" spans="2:12" ht="7.5" customHeight="1" x14ac:dyDescent="0.15">
      <c r="B102" s="284"/>
      <c r="C102" s="477"/>
      <c r="D102" s="611"/>
      <c r="E102" s="597"/>
      <c r="F102" s="612"/>
      <c r="G102" s="478"/>
      <c r="H102" s="478"/>
      <c r="I102" s="478"/>
      <c r="J102" s="478"/>
      <c r="K102" s="613"/>
      <c r="L102" s="168"/>
    </row>
    <row r="103" spans="2:12" ht="7.5" customHeight="1" x14ac:dyDescent="0.15">
      <c r="B103" s="168"/>
      <c r="C103" s="240"/>
      <c r="D103" s="240"/>
      <c r="E103" s="434"/>
      <c r="F103" s="602"/>
      <c r="K103" s="266"/>
      <c r="L103" s="168"/>
    </row>
    <row r="104" spans="2:12" ht="14.25" customHeight="1" x14ac:dyDescent="0.15">
      <c r="B104" s="168"/>
      <c r="C104" s="663" t="s">
        <v>139</v>
      </c>
      <c r="D104" s="664"/>
      <c r="E104" s="436">
        <v>1026</v>
      </c>
      <c r="F104" s="195">
        <v>1078</v>
      </c>
      <c r="G104" s="195"/>
      <c r="H104" s="195"/>
      <c r="I104" s="195">
        <v>1072</v>
      </c>
      <c r="J104" s="111">
        <v>1.04</v>
      </c>
      <c r="K104" s="238">
        <v>1.02</v>
      </c>
      <c r="L104" s="168"/>
    </row>
    <row r="105" spans="2:12" ht="7.5" customHeight="1" x14ac:dyDescent="0.15">
      <c r="B105" s="172"/>
      <c r="C105" s="246"/>
      <c r="D105" s="246"/>
      <c r="E105" s="199"/>
      <c r="F105" s="200"/>
      <c r="G105" s="200"/>
      <c r="H105" s="200"/>
      <c r="I105" s="200"/>
      <c r="J105" s="200"/>
      <c r="K105" s="202"/>
      <c r="L105" s="168"/>
    </row>
    <row r="106" spans="2:12" ht="14.45" customHeight="1" x14ac:dyDescent="0.15">
      <c r="B106" s="666"/>
      <c r="C106" s="666"/>
      <c r="D106" s="666"/>
      <c r="E106" s="666"/>
      <c r="F106" s="666"/>
      <c r="G106" s="666"/>
      <c r="H106" s="666"/>
      <c r="I106" s="666"/>
      <c r="J106" s="666"/>
      <c r="K106" s="666"/>
    </row>
    <row r="107" spans="2:12" ht="14.25" customHeight="1" x14ac:dyDescent="0.15">
      <c r="B107" s="161" t="s">
        <v>399</v>
      </c>
    </row>
    <row r="108" spans="2:12" ht="7.5" customHeight="1" x14ac:dyDescent="0.15">
      <c r="B108" s="163"/>
      <c r="C108" s="164"/>
      <c r="D108" s="164"/>
      <c r="E108" s="13"/>
      <c r="F108" s="14"/>
      <c r="G108" s="14"/>
      <c r="H108" s="14"/>
      <c r="I108" s="14"/>
      <c r="J108" s="14"/>
      <c r="K108" s="15"/>
      <c r="L108" s="168"/>
    </row>
    <row r="109" spans="2:12" ht="14.25" customHeight="1" x14ac:dyDescent="0.15">
      <c r="B109" s="168"/>
      <c r="E109" s="18"/>
      <c r="F109" s="19" t="s">
        <v>7</v>
      </c>
      <c r="G109" s="20" t="s">
        <v>8</v>
      </c>
      <c r="H109" s="21"/>
      <c r="I109" s="22"/>
      <c r="J109" s="19" t="s">
        <v>9</v>
      </c>
      <c r="K109" s="642" t="s">
        <v>10</v>
      </c>
      <c r="L109" s="168"/>
    </row>
    <row r="110" spans="2:12" ht="14.25" customHeight="1" x14ac:dyDescent="0.15">
      <c r="B110" s="168"/>
      <c r="C110" s="161" t="s">
        <v>0</v>
      </c>
      <c r="D110" s="161" t="s">
        <v>353</v>
      </c>
      <c r="E110" s="26" t="s">
        <v>11</v>
      </c>
      <c r="F110" s="27" t="s">
        <v>12</v>
      </c>
      <c r="G110" s="28" t="s">
        <v>13</v>
      </c>
      <c r="H110" s="29"/>
      <c r="I110" s="30"/>
      <c r="J110" s="31" t="s">
        <v>14</v>
      </c>
      <c r="K110" s="642"/>
      <c r="L110" s="168"/>
    </row>
    <row r="111" spans="2:12" ht="14.25" customHeight="1" x14ac:dyDescent="0.15">
      <c r="B111" s="168"/>
      <c r="C111" s="171"/>
      <c r="D111" s="171"/>
      <c r="E111" s="26" t="s">
        <v>16</v>
      </c>
      <c r="F111" s="27"/>
      <c r="G111" s="29" t="s">
        <v>17</v>
      </c>
      <c r="H111" s="32"/>
      <c r="I111" s="30"/>
      <c r="J111" s="31" t="s">
        <v>18</v>
      </c>
      <c r="K111" s="642"/>
      <c r="L111" s="168"/>
    </row>
    <row r="112" spans="2:12" ht="7.5" customHeight="1" x14ac:dyDescent="0.15">
      <c r="B112" s="172"/>
      <c r="C112" s="216"/>
      <c r="D112" s="217"/>
      <c r="E112" s="37"/>
      <c r="F112" s="38"/>
      <c r="G112" s="39"/>
      <c r="H112" s="36"/>
      <c r="I112" s="40"/>
      <c r="J112" s="41"/>
      <c r="K112" s="42"/>
      <c r="L112" s="168"/>
    </row>
    <row r="113" spans="2:12" ht="7.5" customHeight="1" x14ac:dyDescent="0.15">
      <c r="B113" s="168"/>
      <c r="C113" s="171"/>
      <c r="D113" s="171"/>
      <c r="E113" s="44"/>
      <c r="F113" s="2"/>
      <c r="G113" s="2"/>
      <c r="H113" s="2"/>
      <c r="I113" s="2"/>
      <c r="J113" s="2"/>
      <c r="K113" s="595"/>
      <c r="L113" s="168"/>
    </row>
    <row r="114" spans="2:12" x14ac:dyDescent="0.15">
      <c r="B114" s="168"/>
      <c r="C114" s="161" t="s">
        <v>400</v>
      </c>
      <c r="D114" s="161" t="s">
        <v>401</v>
      </c>
      <c r="E114" s="221">
        <v>38</v>
      </c>
      <c r="F114" s="162">
        <v>47</v>
      </c>
      <c r="G114" s="484"/>
      <c r="H114" s="484"/>
      <c r="I114" s="179">
        <v>46</v>
      </c>
      <c r="J114" s="614">
        <v>1.21</v>
      </c>
      <c r="K114" s="273">
        <v>0.97</v>
      </c>
      <c r="L114" s="168"/>
    </row>
    <row r="115" spans="2:12" x14ac:dyDescent="0.15">
      <c r="B115" s="168"/>
      <c r="C115" s="161" t="s">
        <v>170</v>
      </c>
      <c r="D115" s="161" t="s">
        <v>402</v>
      </c>
      <c r="E115" s="221">
        <v>38</v>
      </c>
      <c r="F115" s="162">
        <v>23</v>
      </c>
      <c r="G115" s="484"/>
      <c r="H115" s="484"/>
      <c r="I115" s="179">
        <v>23</v>
      </c>
      <c r="J115" s="614">
        <v>0.61</v>
      </c>
      <c r="K115" s="615">
        <v>0.54</v>
      </c>
      <c r="L115" s="168"/>
    </row>
    <row r="116" spans="2:12" x14ac:dyDescent="0.15">
      <c r="B116" s="168"/>
      <c r="C116" s="161" t="s">
        <v>170</v>
      </c>
      <c r="D116" s="161" t="s">
        <v>403</v>
      </c>
      <c r="E116" s="221">
        <v>38</v>
      </c>
      <c r="F116" s="162">
        <v>41</v>
      </c>
      <c r="G116" s="484"/>
      <c r="H116" s="484"/>
      <c r="I116" s="179">
        <v>40</v>
      </c>
      <c r="J116" s="614">
        <v>1.05</v>
      </c>
      <c r="K116" s="615">
        <v>1.31</v>
      </c>
      <c r="L116" s="168"/>
    </row>
    <row r="117" spans="2:12" x14ac:dyDescent="0.15">
      <c r="B117" s="168"/>
      <c r="C117" s="161" t="s">
        <v>170</v>
      </c>
      <c r="D117" s="161" t="s">
        <v>404</v>
      </c>
      <c r="E117" s="221">
        <v>38</v>
      </c>
      <c r="F117" s="162">
        <v>30</v>
      </c>
      <c r="G117" s="484"/>
      <c r="H117" s="484"/>
      <c r="I117" s="179">
        <v>30</v>
      </c>
      <c r="J117" s="614">
        <v>0.79</v>
      </c>
      <c r="K117" s="615">
        <v>1.26</v>
      </c>
      <c r="L117" s="168"/>
    </row>
    <row r="118" spans="2:12" ht="13.5" customHeight="1" x14ac:dyDescent="0.15">
      <c r="B118" s="168"/>
      <c r="D118" s="616" t="s">
        <v>289</v>
      </c>
      <c r="E118" s="236">
        <v>152</v>
      </c>
      <c r="F118" s="236">
        <v>141</v>
      </c>
      <c r="I118" s="236">
        <v>139</v>
      </c>
      <c r="J118" s="617">
        <v>0.91</v>
      </c>
      <c r="K118" s="274">
        <v>1.02</v>
      </c>
      <c r="L118" s="168"/>
    </row>
    <row r="119" spans="2:12" ht="3.75" customHeight="1" x14ac:dyDescent="0.15">
      <c r="B119" s="172"/>
      <c r="C119" s="173"/>
      <c r="D119" s="618"/>
      <c r="E119" s="199"/>
      <c r="F119" s="200"/>
      <c r="G119" s="200"/>
      <c r="H119" s="200"/>
      <c r="I119" s="200"/>
      <c r="J119" s="200"/>
      <c r="K119" s="202"/>
      <c r="L119" s="168"/>
    </row>
    <row r="120" spans="2:12" ht="13.9" customHeight="1" x14ac:dyDescent="0.15">
      <c r="K120" s="162"/>
    </row>
    <row r="121" spans="2:12" ht="14.25" customHeight="1" x14ac:dyDescent="0.15">
      <c r="B121" s="161" t="s">
        <v>405</v>
      </c>
    </row>
    <row r="122" spans="2:12" ht="7.5" customHeight="1" x14ac:dyDescent="0.15">
      <c r="B122" s="163"/>
      <c r="C122" s="164"/>
      <c r="D122" s="164"/>
      <c r="E122" s="13"/>
      <c r="F122" s="14"/>
      <c r="G122" s="14"/>
      <c r="H122" s="14"/>
      <c r="I122" s="14"/>
      <c r="J122" s="14"/>
      <c r="K122" s="15"/>
      <c r="L122" s="168"/>
    </row>
    <row r="123" spans="2:12" ht="14.25" customHeight="1" x14ac:dyDescent="0.15">
      <c r="B123" s="168"/>
      <c r="E123" s="18"/>
      <c r="F123" s="19" t="s">
        <v>7</v>
      </c>
      <c r="G123" s="20" t="s">
        <v>8</v>
      </c>
      <c r="H123" s="21"/>
      <c r="I123" s="22"/>
      <c r="J123" s="19" t="s">
        <v>9</v>
      </c>
      <c r="K123" s="642" t="s">
        <v>10</v>
      </c>
      <c r="L123" s="168"/>
    </row>
    <row r="124" spans="2:12" ht="14.25" customHeight="1" x14ac:dyDescent="0.15">
      <c r="B124" s="168"/>
      <c r="C124" s="161" t="s">
        <v>0</v>
      </c>
      <c r="D124" s="161" t="s">
        <v>353</v>
      </c>
      <c r="E124" s="26" t="s">
        <v>11</v>
      </c>
      <c r="F124" s="27" t="s">
        <v>12</v>
      </c>
      <c r="G124" s="28" t="s">
        <v>13</v>
      </c>
      <c r="H124" s="29"/>
      <c r="I124" s="30"/>
      <c r="J124" s="31" t="s">
        <v>14</v>
      </c>
      <c r="K124" s="642"/>
      <c r="L124" s="168"/>
    </row>
    <row r="125" spans="2:12" ht="14.25" customHeight="1" x14ac:dyDescent="0.15">
      <c r="B125" s="168"/>
      <c r="C125" s="171"/>
      <c r="D125" s="171"/>
      <c r="E125" s="26" t="s">
        <v>16</v>
      </c>
      <c r="F125" s="27"/>
      <c r="G125" s="29" t="s">
        <v>17</v>
      </c>
      <c r="H125" s="32"/>
      <c r="I125" s="30"/>
      <c r="J125" s="31" t="s">
        <v>18</v>
      </c>
      <c r="K125" s="642"/>
      <c r="L125" s="168"/>
    </row>
    <row r="126" spans="2:12" ht="7.5" customHeight="1" x14ac:dyDescent="0.15">
      <c r="B126" s="172"/>
      <c r="C126" s="216"/>
      <c r="D126" s="217"/>
      <c r="E126" s="37"/>
      <c r="F126" s="38"/>
      <c r="G126" s="39"/>
      <c r="H126" s="36"/>
      <c r="I126" s="40"/>
      <c r="J126" s="41"/>
      <c r="K126" s="42"/>
      <c r="L126" s="168"/>
    </row>
    <row r="127" spans="2:12" ht="7.5" customHeight="1" x14ac:dyDescent="0.15">
      <c r="B127" s="168"/>
      <c r="C127" s="171"/>
      <c r="D127" s="171"/>
      <c r="E127" s="44"/>
      <c r="F127" s="2"/>
      <c r="G127" s="2"/>
      <c r="H127" s="2"/>
      <c r="I127" s="2"/>
      <c r="J127" s="2"/>
      <c r="K127" s="595"/>
      <c r="L127" s="168"/>
    </row>
    <row r="128" spans="2:12" ht="14.25" customHeight="1" x14ac:dyDescent="0.15">
      <c r="B128" s="168"/>
      <c r="C128" s="161" t="s">
        <v>406</v>
      </c>
      <c r="D128" s="161" t="s">
        <v>407</v>
      </c>
      <c r="E128" s="221">
        <v>39</v>
      </c>
      <c r="F128" s="162">
        <v>31</v>
      </c>
      <c r="G128" s="484"/>
      <c r="H128" s="484"/>
      <c r="I128" s="179">
        <v>31</v>
      </c>
      <c r="J128" s="145">
        <v>0.79</v>
      </c>
      <c r="K128" s="239">
        <v>1.23</v>
      </c>
      <c r="L128" s="168"/>
    </row>
    <row r="129" spans="2:12" ht="7.5" customHeight="1" x14ac:dyDescent="0.15">
      <c r="B129" s="172"/>
      <c r="C129" s="173"/>
      <c r="D129" s="173"/>
      <c r="E129" s="199"/>
      <c r="F129" s="200"/>
      <c r="G129" s="200"/>
      <c r="H129" s="200"/>
      <c r="I129" s="200"/>
      <c r="J129" s="200"/>
      <c r="K129" s="202"/>
      <c r="L129" s="168"/>
    </row>
    <row r="130" spans="2:12" ht="13.9" customHeight="1" x14ac:dyDescent="0.15">
      <c r="K130" s="162"/>
    </row>
    <row r="131" spans="2:12" ht="8.1" customHeight="1" x14ac:dyDescent="0.15">
      <c r="K131" s="162"/>
    </row>
    <row r="132" spans="2:12" ht="6" customHeight="1" x14ac:dyDescent="0.15"/>
    <row r="133" spans="2:12" ht="14.25" customHeight="1" x14ac:dyDescent="0.15">
      <c r="B133" s="161" t="s">
        <v>408</v>
      </c>
    </row>
    <row r="134" spans="2:12" ht="7.5" customHeight="1" x14ac:dyDescent="0.15">
      <c r="B134" s="163"/>
      <c r="C134" s="164"/>
      <c r="D134" s="164"/>
      <c r="E134" s="13"/>
      <c r="F134" s="14"/>
      <c r="G134" s="14"/>
      <c r="H134" s="14"/>
      <c r="I134" s="14"/>
      <c r="J134" s="14"/>
      <c r="K134" s="15"/>
      <c r="L134" s="168"/>
    </row>
    <row r="135" spans="2:12" ht="14.25" customHeight="1" x14ac:dyDescent="0.15">
      <c r="B135" s="168"/>
      <c r="E135" s="18"/>
      <c r="F135" s="19" t="s">
        <v>7</v>
      </c>
      <c r="G135" s="20" t="s">
        <v>8</v>
      </c>
      <c r="H135" s="21"/>
      <c r="I135" s="22"/>
      <c r="J135" s="19" t="s">
        <v>9</v>
      </c>
      <c r="K135" s="642" t="s">
        <v>10</v>
      </c>
      <c r="L135" s="168"/>
    </row>
    <row r="136" spans="2:12" ht="14.25" customHeight="1" x14ac:dyDescent="0.15">
      <c r="B136" s="168"/>
      <c r="C136" s="161" t="s">
        <v>0</v>
      </c>
      <c r="D136" s="161" t="s">
        <v>353</v>
      </c>
      <c r="E136" s="26" t="s">
        <v>11</v>
      </c>
      <c r="F136" s="27" t="s">
        <v>12</v>
      </c>
      <c r="G136" s="28" t="s">
        <v>13</v>
      </c>
      <c r="H136" s="29"/>
      <c r="I136" s="30"/>
      <c r="J136" s="31" t="s">
        <v>14</v>
      </c>
      <c r="K136" s="642"/>
      <c r="L136" s="168"/>
    </row>
    <row r="137" spans="2:12" ht="14.25" customHeight="1" x14ac:dyDescent="0.15">
      <c r="B137" s="168"/>
      <c r="C137" s="171"/>
      <c r="D137" s="171"/>
      <c r="E137" s="26" t="s">
        <v>16</v>
      </c>
      <c r="F137" s="27"/>
      <c r="G137" s="29" t="s">
        <v>17</v>
      </c>
      <c r="H137" s="32"/>
      <c r="I137" s="30"/>
      <c r="J137" s="31" t="s">
        <v>18</v>
      </c>
      <c r="K137" s="642"/>
      <c r="L137" s="168"/>
    </row>
    <row r="138" spans="2:12" ht="7.5" customHeight="1" x14ac:dyDescent="0.15">
      <c r="B138" s="172"/>
      <c r="C138" s="216"/>
      <c r="D138" s="216"/>
      <c r="E138" s="37"/>
      <c r="F138" s="38"/>
      <c r="G138" s="39"/>
      <c r="H138" s="36"/>
      <c r="I138" s="40"/>
      <c r="J138" s="41"/>
      <c r="K138" s="42"/>
      <c r="L138" s="168"/>
    </row>
    <row r="139" spans="2:12" ht="7.5" customHeight="1" x14ac:dyDescent="0.15">
      <c r="B139" s="168"/>
      <c r="C139" s="171"/>
      <c r="D139" s="171"/>
      <c r="E139" s="44"/>
      <c r="F139" s="2"/>
      <c r="G139" s="2"/>
      <c r="H139" s="2"/>
      <c r="I139" s="2"/>
      <c r="J139" s="2"/>
      <c r="K139" s="595"/>
      <c r="L139" s="168"/>
    </row>
    <row r="140" spans="2:12" ht="14.25" customHeight="1" x14ac:dyDescent="0.15">
      <c r="B140" s="168"/>
      <c r="C140" s="67" t="s">
        <v>409</v>
      </c>
      <c r="D140" s="161" t="s">
        <v>410</v>
      </c>
      <c r="E140" s="434">
        <v>38</v>
      </c>
      <c r="F140" s="162">
        <v>28</v>
      </c>
      <c r="G140" s="484"/>
      <c r="H140" s="484"/>
      <c r="I140" s="179">
        <v>28</v>
      </c>
      <c r="J140" s="145">
        <v>0.74</v>
      </c>
      <c r="K140" s="239">
        <v>0.92</v>
      </c>
      <c r="L140" s="168"/>
    </row>
    <row r="141" spans="2:12" ht="14.25" customHeight="1" x14ac:dyDescent="0.15">
      <c r="B141" s="168"/>
      <c r="C141" s="161" t="s">
        <v>411</v>
      </c>
      <c r="D141" s="161" t="s">
        <v>412</v>
      </c>
      <c r="E141" s="434">
        <v>78</v>
      </c>
      <c r="F141" s="162">
        <v>48</v>
      </c>
      <c r="G141" s="484"/>
      <c r="H141" s="484"/>
      <c r="I141" s="179">
        <v>47</v>
      </c>
      <c r="J141" s="145">
        <v>0.6</v>
      </c>
      <c r="K141" s="619">
        <v>0.67</v>
      </c>
      <c r="L141" s="168"/>
    </row>
    <row r="142" spans="2:12" ht="14.25" customHeight="1" x14ac:dyDescent="0.15">
      <c r="B142" s="168"/>
      <c r="C142" s="161" t="s">
        <v>115</v>
      </c>
      <c r="D142" s="161" t="s">
        <v>410</v>
      </c>
      <c r="E142" s="434">
        <v>38</v>
      </c>
      <c r="F142" s="162">
        <v>15</v>
      </c>
      <c r="G142" s="484"/>
      <c r="H142" s="484"/>
      <c r="I142" s="179">
        <v>15</v>
      </c>
      <c r="J142" s="145">
        <v>0.39</v>
      </c>
      <c r="K142" s="239">
        <v>0.63</v>
      </c>
      <c r="L142" s="168"/>
    </row>
    <row r="143" spans="2:12" ht="21.75" customHeight="1" x14ac:dyDescent="0.15">
      <c r="B143" s="168"/>
      <c r="C143" s="161" t="s">
        <v>406</v>
      </c>
      <c r="D143" s="161" t="s">
        <v>410</v>
      </c>
      <c r="E143" s="434">
        <v>39</v>
      </c>
      <c r="F143" s="162">
        <v>37</v>
      </c>
      <c r="G143" s="484"/>
      <c r="H143" s="484"/>
      <c r="I143" s="179">
        <v>37</v>
      </c>
      <c r="J143" s="620">
        <v>0.95</v>
      </c>
      <c r="K143" s="619">
        <v>0.79</v>
      </c>
      <c r="L143" s="168"/>
    </row>
    <row r="144" spans="2:12" ht="7.5" customHeight="1" x14ac:dyDescent="0.15">
      <c r="B144" s="168"/>
      <c r="E144" s="434"/>
      <c r="K144" s="485"/>
      <c r="L144" s="168"/>
    </row>
    <row r="145" spans="2:12" ht="7.5" customHeight="1" x14ac:dyDescent="0.15">
      <c r="B145" s="186"/>
      <c r="C145" s="187"/>
      <c r="D145" s="187"/>
      <c r="E145" s="483"/>
      <c r="F145" s="189"/>
      <c r="G145" s="189"/>
      <c r="H145" s="189"/>
      <c r="I145" s="189"/>
      <c r="J145" s="189"/>
      <c r="K145" s="621"/>
      <c r="L145" s="168"/>
    </row>
    <row r="146" spans="2:12" ht="12.6" customHeight="1" x14ac:dyDescent="0.15">
      <c r="B146" s="168"/>
      <c r="C146" s="663" t="s">
        <v>139</v>
      </c>
      <c r="D146" s="664"/>
      <c r="E146" s="436">
        <v>193</v>
      </c>
      <c r="F146" s="195">
        <v>128</v>
      </c>
      <c r="G146" s="195"/>
      <c r="H146" s="195"/>
      <c r="I146" s="195">
        <v>127</v>
      </c>
      <c r="J146" s="111">
        <v>0.66</v>
      </c>
      <c r="K146" s="238">
        <v>0.74</v>
      </c>
      <c r="L146" s="168"/>
    </row>
    <row r="147" spans="2:12" ht="7.5" customHeight="1" x14ac:dyDescent="0.15">
      <c r="B147" s="172"/>
      <c r="C147" s="246"/>
      <c r="D147" s="246"/>
      <c r="E147" s="199"/>
      <c r="F147" s="200"/>
      <c r="G147" s="200"/>
      <c r="H147" s="200"/>
      <c r="I147" s="200"/>
      <c r="J147" s="200"/>
      <c r="K147" s="202"/>
      <c r="L147" s="168"/>
    </row>
    <row r="148" spans="2:12" ht="9.9499999999999993" customHeight="1" x14ac:dyDescent="0.15"/>
    <row r="149" spans="2:12" ht="14.25" customHeight="1" x14ac:dyDescent="0.15">
      <c r="B149" s="161" t="s">
        <v>413</v>
      </c>
    </row>
    <row r="150" spans="2:12" ht="7.5" customHeight="1" x14ac:dyDescent="0.15">
      <c r="B150" s="163"/>
      <c r="C150" s="164"/>
      <c r="D150" s="164"/>
      <c r="E150" s="13"/>
      <c r="F150" s="14"/>
      <c r="G150" s="14"/>
      <c r="H150" s="14"/>
      <c r="I150" s="14"/>
      <c r="J150" s="14"/>
      <c r="K150" s="15"/>
      <c r="L150" s="168"/>
    </row>
    <row r="151" spans="2:12" ht="14.25" customHeight="1" x14ac:dyDescent="0.15">
      <c r="B151" s="168"/>
      <c r="E151" s="18"/>
      <c r="F151" s="19" t="s">
        <v>7</v>
      </c>
      <c r="G151" s="20" t="s">
        <v>8</v>
      </c>
      <c r="H151" s="21"/>
      <c r="I151" s="22"/>
      <c r="J151" s="19" t="s">
        <v>9</v>
      </c>
      <c r="K151" s="642" t="s">
        <v>10</v>
      </c>
      <c r="L151" s="168"/>
    </row>
    <row r="152" spans="2:12" ht="14.25" customHeight="1" x14ac:dyDescent="0.15">
      <c r="B152" s="168"/>
      <c r="C152" s="161" t="s">
        <v>0</v>
      </c>
      <c r="D152" s="161" t="s">
        <v>353</v>
      </c>
      <c r="E152" s="26" t="s">
        <v>11</v>
      </c>
      <c r="F152" s="27" t="s">
        <v>12</v>
      </c>
      <c r="G152" s="28" t="s">
        <v>13</v>
      </c>
      <c r="H152" s="29"/>
      <c r="I152" s="30"/>
      <c r="J152" s="31" t="s">
        <v>14</v>
      </c>
      <c r="K152" s="642"/>
      <c r="L152" s="168"/>
    </row>
    <row r="153" spans="2:12" ht="14.25" customHeight="1" x14ac:dyDescent="0.15">
      <c r="B153" s="168"/>
      <c r="C153" s="171"/>
      <c r="D153" s="171"/>
      <c r="E153" s="26" t="s">
        <v>16</v>
      </c>
      <c r="F153" s="27"/>
      <c r="G153" s="29" t="s">
        <v>17</v>
      </c>
      <c r="H153" s="32"/>
      <c r="I153" s="30"/>
      <c r="J153" s="31" t="s">
        <v>18</v>
      </c>
      <c r="K153" s="642"/>
      <c r="L153" s="168"/>
    </row>
    <row r="154" spans="2:12" ht="7.5" customHeight="1" x14ac:dyDescent="0.15">
      <c r="B154" s="172"/>
      <c r="C154" s="216"/>
      <c r="D154" s="217"/>
      <c r="E154" s="37"/>
      <c r="F154" s="38"/>
      <c r="G154" s="39"/>
      <c r="H154" s="36"/>
      <c r="I154" s="40"/>
      <c r="J154" s="41"/>
      <c r="K154" s="42"/>
      <c r="L154" s="168"/>
    </row>
    <row r="155" spans="2:12" ht="7.5" customHeight="1" x14ac:dyDescent="0.15">
      <c r="B155" s="168"/>
      <c r="C155" s="211"/>
      <c r="D155" s="211"/>
      <c r="E155" s="44"/>
      <c r="F155" s="14"/>
      <c r="G155" s="14"/>
      <c r="H155" s="14"/>
      <c r="I155" s="14"/>
      <c r="J155" s="14"/>
      <c r="K155" s="595"/>
      <c r="L155" s="168"/>
    </row>
    <row r="156" spans="2:12" ht="12.6" customHeight="1" x14ac:dyDescent="0.15">
      <c r="B156" s="168"/>
      <c r="C156" s="161" t="s">
        <v>414</v>
      </c>
      <c r="D156" s="161" t="s">
        <v>415</v>
      </c>
      <c r="E156" s="221">
        <v>39</v>
      </c>
      <c r="F156" s="162">
        <v>53</v>
      </c>
      <c r="G156" s="484"/>
      <c r="H156" s="484"/>
      <c r="I156" s="179">
        <v>50</v>
      </c>
      <c r="J156" s="145">
        <v>1.28</v>
      </c>
      <c r="K156" s="239">
        <v>0.95</v>
      </c>
      <c r="L156" s="168"/>
    </row>
    <row r="157" spans="2:12" ht="7.5" customHeight="1" x14ac:dyDescent="0.15">
      <c r="B157" s="172"/>
      <c r="C157" s="173"/>
      <c r="D157" s="173"/>
      <c r="E157" s="199"/>
      <c r="F157" s="200"/>
      <c r="G157" s="200"/>
      <c r="H157" s="200"/>
      <c r="I157" s="200"/>
      <c r="J157" s="200"/>
      <c r="K157" s="202"/>
      <c r="L157" s="168"/>
    </row>
    <row r="158" spans="2:12" ht="8.1" customHeight="1" x14ac:dyDescent="0.15">
      <c r="K158" s="162"/>
    </row>
    <row r="159" spans="2:12" ht="6" customHeight="1" x14ac:dyDescent="0.15"/>
    <row r="160" spans="2:12" ht="14.25" customHeight="1" x14ac:dyDescent="0.15">
      <c r="B160" s="161" t="s">
        <v>416</v>
      </c>
    </row>
    <row r="161" spans="2:12" ht="7.5" customHeight="1" x14ac:dyDescent="0.15">
      <c r="B161" s="163"/>
      <c r="C161" s="164"/>
      <c r="D161" s="164"/>
      <c r="E161" s="13"/>
      <c r="F161" s="14"/>
      <c r="G161" s="14"/>
      <c r="H161" s="14"/>
      <c r="I161" s="14"/>
      <c r="J161" s="14"/>
      <c r="K161" s="15"/>
      <c r="L161" s="168"/>
    </row>
    <row r="162" spans="2:12" ht="14.25" customHeight="1" x14ac:dyDescent="0.15">
      <c r="B162" s="168"/>
      <c r="E162" s="18"/>
      <c r="F162" s="19" t="s">
        <v>7</v>
      </c>
      <c r="G162" s="20" t="s">
        <v>8</v>
      </c>
      <c r="H162" s="21"/>
      <c r="I162" s="22"/>
      <c r="J162" s="19" t="s">
        <v>9</v>
      </c>
      <c r="K162" s="642" t="s">
        <v>10</v>
      </c>
      <c r="L162" s="168"/>
    </row>
    <row r="163" spans="2:12" ht="14.25" customHeight="1" x14ac:dyDescent="0.15">
      <c r="B163" s="168"/>
      <c r="C163" s="161" t="s">
        <v>0</v>
      </c>
      <c r="D163" s="161" t="s">
        <v>353</v>
      </c>
      <c r="E163" s="26" t="s">
        <v>11</v>
      </c>
      <c r="F163" s="27" t="s">
        <v>12</v>
      </c>
      <c r="G163" s="28" t="s">
        <v>13</v>
      </c>
      <c r="H163" s="29"/>
      <c r="I163" s="30"/>
      <c r="J163" s="31" t="s">
        <v>14</v>
      </c>
      <c r="K163" s="642"/>
      <c r="L163" s="168"/>
    </row>
    <row r="164" spans="2:12" ht="14.25" customHeight="1" x14ac:dyDescent="0.15">
      <c r="B164" s="168"/>
      <c r="C164" s="171"/>
      <c r="D164" s="171"/>
      <c r="E164" s="26" t="s">
        <v>16</v>
      </c>
      <c r="F164" s="27"/>
      <c r="G164" s="29" t="s">
        <v>17</v>
      </c>
      <c r="H164" s="32"/>
      <c r="I164" s="30"/>
      <c r="J164" s="31" t="s">
        <v>18</v>
      </c>
      <c r="K164" s="642"/>
      <c r="L164" s="168"/>
    </row>
    <row r="165" spans="2:12" ht="7.5" customHeight="1" x14ac:dyDescent="0.15">
      <c r="B165" s="172"/>
      <c r="C165" s="216"/>
      <c r="D165" s="216"/>
      <c r="E165" s="37"/>
      <c r="F165" s="38"/>
      <c r="G165" s="39"/>
      <c r="H165" s="36"/>
      <c r="I165" s="40"/>
      <c r="J165" s="41"/>
      <c r="K165" s="42"/>
      <c r="L165" s="168"/>
    </row>
    <row r="166" spans="2:12" ht="7.5" customHeight="1" x14ac:dyDescent="0.15">
      <c r="B166" s="168"/>
      <c r="C166" s="171"/>
      <c r="D166" s="171"/>
      <c r="E166" s="44"/>
      <c r="F166" s="2"/>
      <c r="G166" s="2"/>
      <c r="H166" s="2"/>
      <c r="I166" s="2"/>
      <c r="J166" s="2"/>
      <c r="K166" s="595"/>
      <c r="L166" s="168"/>
    </row>
    <row r="167" spans="2:12" ht="14.25" customHeight="1" x14ac:dyDescent="0.15">
      <c r="B167" s="168"/>
      <c r="C167" s="177" t="s">
        <v>96</v>
      </c>
      <c r="D167" s="622" t="s">
        <v>417</v>
      </c>
      <c r="E167" s="221">
        <v>38</v>
      </c>
      <c r="F167" s="162">
        <v>46</v>
      </c>
      <c r="G167" s="484"/>
      <c r="H167" s="484"/>
      <c r="I167" s="179">
        <v>46</v>
      </c>
      <c r="J167" s="145">
        <v>1.21</v>
      </c>
      <c r="K167" s="181">
        <v>1.26</v>
      </c>
      <c r="L167" s="168"/>
    </row>
    <row r="168" spans="2:12" ht="14.25" customHeight="1" x14ac:dyDescent="0.15">
      <c r="B168" s="168"/>
      <c r="C168" s="161" t="s">
        <v>418</v>
      </c>
      <c r="D168" s="161" t="s">
        <v>419</v>
      </c>
      <c r="E168" s="221">
        <v>39</v>
      </c>
      <c r="F168" s="162">
        <v>49</v>
      </c>
      <c r="G168" s="484"/>
      <c r="H168" s="484"/>
      <c r="I168" s="179">
        <v>49</v>
      </c>
      <c r="J168" s="145">
        <v>1.26</v>
      </c>
      <c r="K168" s="239">
        <v>1.41</v>
      </c>
      <c r="L168" s="168"/>
    </row>
    <row r="169" spans="2:12" ht="7.5" customHeight="1" x14ac:dyDescent="0.15">
      <c r="B169" s="168"/>
      <c r="E169" s="221"/>
      <c r="K169" s="266"/>
      <c r="L169" s="168"/>
    </row>
    <row r="170" spans="2:12" ht="7.5" customHeight="1" x14ac:dyDescent="0.15">
      <c r="B170" s="186"/>
      <c r="C170" s="241"/>
      <c r="D170" s="241"/>
      <c r="E170" s="242"/>
      <c r="F170" s="189"/>
      <c r="G170" s="189"/>
      <c r="H170" s="189"/>
      <c r="I170" s="189"/>
      <c r="J170" s="623"/>
      <c r="K170" s="624"/>
      <c r="L170" s="168"/>
    </row>
    <row r="171" spans="2:12" ht="12.6" customHeight="1" x14ac:dyDescent="0.15">
      <c r="B171" s="168"/>
      <c r="C171" s="663" t="s">
        <v>139</v>
      </c>
      <c r="D171" s="664"/>
      <c r="E171" s="236">
        <v>77</v>
      </c>
      <c r="F171" s="236">
        <v>95</v>
      </c>
      <c r="G171" s="625"/>
      <c r="H171" s="625"/>
      <c r="I171" s="236">
        <v>95</v>
      </c>
      <c r="J171" s="626">
        <v>1.23</v>
      </c>
      <c r="K171" s="627">
        <v>1.33</v>
      </c>
      <c r="L171" s="168"/>
    </row>
    <row r="172" spans="2:12" ht="7.5" customHeight="1" x14ac:dyDescent="0.15">
      <c r="B172" s="172"/>
      <c r="C172" s="246"/>
      <c r="D172" s="246"/>
      <c r="E172" s="199"/>
      <c r="F172" s="200"/>
      <c r="G172" s="200"/>
      <c r="H172" s="200"/>
      <c r="I172" s="200"/>
      <c r="J172" s="201"/>
      <c r="K172" s="628"/>
      <c r="L172" s="168"/>
    </row>
    <row r="173" spans="2:12" ht="8.1" customHeight="1" x14ac:dyDescent="0.15"/>
    <row r="174" spans="2:12" ht="6" customHeight="1" x14ac:dyDescent="0.15"/>
    <row r="175" spans="2:12" ht="14.25" customHeight="1" x14ac:dyDescent="0.15">
      <c r="B175" s="161" t="s">
        <v>420</v>
      </c>
    </row>
    <row r="176" spans="2:12" ht="7.5" customHeight="1" x14ac:dyDescent="0.15">
      <c r="B176" s="163"/>
      <c r="C176" s="164"/>
      <c r="D176" s="164"/>
      <c r="E176" s="13"/>
      <c r="F176" s="14"/>
      <c r="G176" s="14"/>
      <c r="H176" s="14"/>
      <c r="I176" s="14"/>
      <c r="J176" s="629"/>
      <c r="K176" s="630"/>
      <c r="L176" s="168"/>
    </row>
    <row r="177" spans="2:12" ht="14.25" customHeight="1" x14ac:dyDescent="0.15">
      <c r="B177" s="168"/>
      <c r="E177" s="18"/>
      <c r="F177" s="19" t="s">
        <v>7</v>
      </c>
      <c r="G177" s="20" t="s">
        <v>8</v>
      </c>
      <c r="H177" s="21"/>
      <c r="I177" s="22"/>
      <c r="J177" s="19" t="s">
        <v>9</v>
      </c>
      <c r="K177" s="642" t="s">
        <v>10</v>
      </c>
      <c r="L177" s="168"/>
    </row>
    <row r="178" spans="2:12" ht="14.25" customHeight="1" x14ac:dyDescent="0.15">
      <c r="B178" s="168"/>
      <c r="C178" s="161" t="s">
        <v>0</v>
      </c>
      <c r="D178" s="161" t="s">
        <v>353</v>
      </c>
      <c r="E178" s="26" t="s">
        <v>11</v>
      </c>
      <c r="F178" s="27" t="s">
        <v>12</v>
      </c>
      <c r="G178" s="28" t="s">
        <v>13</v>
      </c>
      <c r="H178" s="29"/>
      <c r="I178" s="30"/>
      <c r="J178" s="31" t="s">
        <v>14</v>
      </c>
      <c r="K178" s="642"/>
      <c r="L178" s="168"/>
    </row>
    <row r="179" spans="2:12" ht="14.25" customHeight="1" x14ac:dyDescent="0.15">
      <c r="B179" s="168"/>
      <c r="C179" s="171"/>
      <c r="D179" s="171"/>
      <c r="E179" s="26" t="s">
        <v>16</v>
      </c>
      <c r="F179" s="27"/>
      <c r="G179" s="29" t="s">
        <v>17</v>
      </c>
      <c r="H179" s="32"/>
      <c r="I179" s="30"/>
      <c r="J179" s="31" t="s">
        <v>18</v>
      </c>
      <c r="K179" s="642"/>
      <c r="L179" s="168"/>
    </row>
    <row r="180" spans="2:12" ht="7.5" customHeight="1" x14ac:dyDescent="0.15">
      <c r="B180" s="172"/>
      <c r="C180" s="216"/>
      <c r="D180" s="216"/>
      <c r="E180" s="37"/>
      <c r="F180" s="38"/>
      <c r="G180" s="39"/>
      <c r="H180" s="36"/>
      <c r="I180" s="40"/>
      <c r="J180" s="41"/>
      <c r="K180" s="42"/>
      <c r="L180" s="168"/>
    </row>
    <row r="181" spans="2:12" ht="7.5" customHeight="1" x14ac:dyDescent="0.15">
      <c r="B181" s="168"/>
      <c r="C181" s="171"/>
      <c r="D181" s="171"/>
      <c r="E181" s="44"/>
      <c r="F181" s="2"/>
      <c r="G181" s="2"/>
      <c r="H181" s="2"/>
      <c r="I181" s="1"/>
      <c r="J181" s="631"/>
      <c r="K181" s="15"/>
      <c r="L181" s="168"/>
    </row>
    <row r="182" spans="2:12" ht="14.25" customHeight="1" x14ac:dyDescent="0.15">
      <c r="B182" s="168"/>
      <c r="C182" s="177" t="s">
        <v>27</v>
      </c>
      <c r="D182" s="622" t="s">
        <v>421</v>
      </c>
      <c r="E182" s="221">
        <v>38</v>
      </c>
      <c r="F182" s="162">
        <v>35</v>
      </c>
      <c r="G182" s="484"/>
      <c r="H182" s="484"/>
      <c r="I182" s="179">
        <v>34</v>
      </c>
      <c r="J182" s="145">
        <v>0.89</v>
      </c>
      <c r="K182" s="632">
        <v>1.18</v>
      </c>
      <c r="L182" s="168"/>
    </row>
    <row r="183" spans="2:12" ht="14.25" customHeight="1" x14ac:dyDescent="0.15">
      <c r="B183" s="168"/>
      <c r="C183" s="177" t="s">
        <v>43</v>
      </c>
      <c r="D183" s="622" t="s">
        <v>421</v>
      </c>
      <c r="E183" s="221">
        <v>38</v>
      </c>
      <c r="F183" s="162">
        <v>47</v>
      </c>
      <c r="G183" s="484"/>
      <c r="H183" s="484"/>
      <c r="I183" s="179">
        <v>47</v>
      </c>
      <c r="J183" s="145">
        <v>1.24</v>
      </c>
      <c r="K183" s="632">
        <v>1.33</v>
      </c>
      <c r="L183" s="168"/>
    </row>
    <row r="184" spans="2:12" ht="7.5" customHeight="1" x14ac:dyDescent="0.15">
      <c r="B184" s="284"/>
      <c r="C184" s="285"/>
      <c r="D184" s="285"/>
      <c r="E184" s="286"/>
      <c r="F184" s="478"/>
      <c r="G184" s="478"/>
      <c r="H184" s="478"/>
      <c r="I184" s="478"/>
      <c r="J184" s="633"/>
      <c r="K184" s="634"/>
      <c r="L184" s="168"/>
    </row>
    <row r="185" spans="2:12" ht="7.5" customHeight="1" x14ac:dyDescent="0.15">
      <c r="B185" s="168"/>
      <c r="C185" s="240"/>
      <c r="D185" s="240"/>
      <c r="E185" s="221"/>
      <c r="J185" s="468"/>
      <c r="K185" s="635"/>
      <c r="L185" s="168"/>
    </row>
    <row r="186" spans="2:12" ht="12.6" customHeight="1" x14ac:dyDescent="0.15">
      <c r="B186" s="168"/>
      <c r="C186" s="663" t="s">
        <v>139</v>
      </c>
      <c r="D186" s="664"/>
      <c r="E186" s="236">
        <v>76</v>
      </c>
      <c r="F186" s="236">
        <v>82</v>
      </c>
      <c r="G186" s="625"/>
      <c r="H186" s="625"/>
      <c r="I186" s="236">
        <v>81</v>
      </c>
      <c r="J186" s="626">
        <v>1.07</v>
      </c>
      <c r="K186" s="636">
        <v>1.26</v>
      </c>
      <c r="L186" s="168"/>
    </row>
    <row r="187" spans="2:12" ht="7.5" customHeight="1" x14ac:dyDescent="0.15">
      <c r="B187" s="172"/>
      <c r="C187" s="246"/>
      <c r="D187" s="246"/>
      <c r="E187" s="199"/>
      <c r="F187" s="200"/>
      <c r="G187" s="200"/>
      <c r="H187" s="200"/>
      <c r="I187" s="200"/>
      <c r="J187" s="201"/>
      <c r="K187" s="628"/>
      <c r="L187" s="168"/>
    </row>
    <row r="188" spans="2:12" ht="8.1" customHeight="1" x14ac:dyDescent="0.15"/>
    <row r="189" spans="2:12" ht="6" customHeight="1" x14ac:dyDescent="0.15"/>
    <row r="190" spans="2:12" ht="14.25" customHeight="1" x14ac:dyDescent="0.15">
      <c r="B190" s="161" t="s">
        <v>422</v>
      </c>
    </row>
    <row r="191" spans="2:12" ht="7.5" customHeight="1" x14ac:dyDescent="0.15">
      <c r="B191" s="163"/>
      <c r="C191" s="164"/>
      <c r="D191" s="164"/>
      <c r="E191" s="13"/>
      <c r="F191" s="14"/>
      <c r="G191" s="14"/>
      <c r="H191" s="14"/>
      <c r="I191" s="14"/>
      <c r="J191" s="629"/>
      <c r="K191" s="630"/>
      <c r="L191" s="168"/>
    </row>
    <row r="192" spans="2:12" ht="14.25" customHeight="1" x14ac:dyDescent="0.15">
      <c r="B192" s="168"/>
      <c r="E192" s="18"/>
      <c r="F192" s="19" t="s">
        <v>7</v>
      </c>
      <c r="G192" s="20" t="s">
        <v>8</v>
      </c>
      <c r="H192" s="21"/>
      <c r="I192" s="22"/>
      <c r="J192" s="19" t="s">
        <v>9</v>
      </c>
      <c r="K192" s="642" t="s">
        <v>10</v>
      </c>
      <c r="L192" s="168"/>
    </row>
    <row r="193" spans="2:12" ht="14.25" customHeight="1" x14ac:dyDescent="0.15">
      <c r="B193" s="168"/>
      <c r="C193" s="161" t="s">
        <v>0</v>
      </c>
      <c r="D193" s="161" t="s">
        <v>353</v>
      </c>
      <c r="E193" s="26" t="s">
        <v>11</v>
      </c>
      <c r="F193" s="27" t="s">
        <v>12</v>
      </c>
      <c r="G193" s="28" t="s">
        <v>13</v>
      </c>
      <c r="H193" s="29"/>
      <c r="I193" s="30"/>
      <c r="J193" s="31" t="s">
        <v>14</v>
      </c>
      <c r="K193" s="642"/>
      <c r="L193" s="168"/>
    </row>
    <row r="194" spans="2:12" ht="14.25" customHeight="1" x14ac:dyDescent="0.15">
      <c r="B194" s="168"/>
      <c r="C194" s="171"/>
      <c r="D194" s="171"/>
      <c r="E194" s="26" t="s">
        <v>16</v>
      </c>
      <c r="F194" s="27"/>
      <c r="G194" s="29" t="s">
        <v>17</v>
      </c>
      <c r="H194" s="32"/>
      <c r="I194" s="30"/>
      <c r="J194" s="31" t="s">
        <v>18</v>
      </c>
      <c r="K194" s="642"/>
      <c r="L194" s="168"/>
    </row>
    <row r="195" spans="2:12" ht="7.5" customHeight="1" x14ac:dyDescent="0.15">
      <c r="B195" s="172"/>
      <c r="C195" s="216"/>
      <c r="D195" s="216"/>
      <c r="E195" s="37"/>
      <c r="F195" s="38"/>
      <c r="G195" s="39"/>
      <c r="H195" s="36"/>
      <c r="I195" s="40"/>
      <c r="J195" s="41"/>
      <c r="K195" s="42"/>
      <c r="L195" s="168"/>
    </row>
    <row r="196" spans="2:12" ht="7.5" customHeight="1" x14ac:dyDescent="0.15">
      <c r="B196" s="168"/>
      <c r="C196" s="171"/>
      <c r="D196" s="171"/>
      <c r="E196" s="44"/>
      <c r="F196" s="2"/>
      <c r="G196" s="2"/>
      <c r="H196" s="2"/>
      <c r="I196" s="1"/>
      <c r="J196" s="631"/>
      <c r="K196" s="15"/>
      <c r="L196" s="168"/>
    </row>
    <row r="197" spans="2:12" ht="14.25" customHeight="1" x14ac:dyDescent="0.15">
      <c r="B197" s="168"/>
      <c r="C197" s="270" t="s">
        <v>230</v>
      </c>
      <c r="D197" s="270" t="s">
        <v>189</v>
      </c>
      <c r="E197" s="221">
        <v>35</v>
      </c>
      <c r="F197" s="162">
        <v>52</v>
      </c>
      <c r="G197" s="484"/>
      <c r="H197" s="484"/>
      <c r="I197" s="179">
        <v>52</v>
      </c>
      <c r="J197" s="468">
        <v>1.49</v>
      </c>
      <c r="K197" s="637">
        <v>1.03</v>
      </c>
      <c r="L197" s="168"/>
    </row>
    <row r="198" spans="2:12" ht="14.25" customHeight="1" x14ac:dyDescent="0.15">
      <c r="B198" s="168"/>
      <c r="C198" s="161" t="s">
        <v>418</v>
      </c>
      <c r="D198" s="161" t="s">
        <v>423</v>
      </c>
      <c r="E198" s="221">
        <v>39</v>
      </c>
      <c r="F198" s="162">
        <v>50</v>
      </c>
      <c r="G198" s="484"/>
      <c r="H198" s="484"/>
      <c r="I198" s="179">
        <v>49</v>
      </c>
      <c r="J198" s="468">
        <v>1.26</v>
      </c>
      <c r="K198" s="637">
        <v>1.69</v>
      </c>
      <c r="L198" s="168"/>
    </row>
    <row r="199" spans="2:12" ht="7.5" customHeight="1" x14ac:dyDescent="0.15">
      <c r="B199" s="284"/>
      <c r="C199" s="285"/>
      <c r="D199" s="285"/>
      <c r="E199" s="286"/>
      <c r="F199" s="478"/>
      <c r="G199" s="478"/>
      <c r="H199" s="478"/>
      <c r="I199" s="478"/>
      <c r="J199" s="633"/>
      <c r="K199" s="638"/>
      <c r="L199" s="168"/>
    </row>
    <row r="200" spans="2:12" ht="7.5" customHeight="1" x14ac:dyDescent="0.15">
      <c r="B200" s="168"/>
      <c r="C200" s="240"/>
      <c r="D200" s="240"/>
      <c r="E200" s="221"/>
      <c r="J200" s="468"/>
      <c r="K200" s="544"/>
      <c r="L200" s="168"/>
    </row>
    <row r="201" spans="2:12" ht="12.6" customHeight="1" x14ac:dyDescent="0.15">
      <c r="B201" s="168"/>
      <c r="C201" s="663" t="s">
        <v>139</v>
      </c>
      <c r="D201" s="664"/>
      <c r="E201" s="236">
        <v>74</v>
      </c>
      <c r="F201" s="236">
        <v>102</v>
      </c>
      <c r="G201" s="625"/>
      <c r="H201" s="625"/>
      <c r="I201" s="236">
        <v>101</v>
      </c>
      <c r="J201" s="626">
        <v>1.36</v>
      </c>
      <c r="K201" s="627">
        <v>1.38</v>
      </c>
      <c r="L201" s="168"/>
    </row>
    <row r="202" spans="2:12" ht="7.5" customHeight="1" x14ac:dyDescent="0.15">
      <c r="B202" s="172"/>
      <c r="C202" s="246"/>
      <c r="D202" s="246"/>
      <c r="E202" s="199"/>
      <c r="F202" s="200"/>
      <c r="G202" s="200"/>
      <c r="H202" s="200"/>
      <c r="I202" s="200"/>
      <c r="J202" s="201"/>
      <c r="K202" s="628"/>
      <c r="L202" s="168"/>
    </row>
    <row r="203" spans="2:12" ht="14.25" customHeight="1" x14ac:dyDescent="0.15">
      <c r="K203" s="162"/>
    </row>
    <row r="204" spans="2:12" ht="7.5" customHeight="1" x14ac:dyDescent="0.15"/>
    <row r="205" spans="2:12" ht="14.25" customHeight="1" x14ac:dyDescent="0.15"/>
    <row r="206" spans="2:12" ht="14.25" customHeight="1" x14ac:dyDescent="0.15"/>
  </sheetData>
  <mergeCells count="20">
    <mergeCell ref="K192:K194"/>
    <mergeCell ref="C201:D201"/>
    <mergeCell ref="C146:D146"/>
    <mergeCell ref="K151:K153"/>
    <mergeCell ref="K162:K164"/>
    <mergeCell ref="C171:D171"/>
    <mergeCell ref="K177:K179"/>
    <mergeCell ref="C186:D186"/>
    <mergeCell ref="K135:K137"/>
    <mergeCell ref="K4:K6"/>
    <mergeCell ref="C24:D24"/>
    <mergeCell ref="K32:K34"/>
    <mergeCell ref="K57:K59"/>
    <mergeCell ref="C82:D82"/>
    <mergeCell ref="B84:K84"/>
    <mergeCell ref="K88:K90"/>
    <mergeCell ref="C104:D104"/>
    <mergeCell ref="B106:K106"/>
    <mergeCell ref="K109:K111"/>
    <mergeCell ref="K123:K125"/>
  </mergeCells>
  <phoneticPr fontId="5"/>
  <pageMargins left="0.78740157480314965" right="0.78740157480314965" top="0.59055118110236227" bottom="0.55118110236220474" header="0.74803149606299213" footer="0.39370078740157483"/>
  <pageSetup paperSize="9" scale="85" firstPageNumber="4" fitToHeight="0" orientation="portrait" useFirstPageNumber="1" r:id="rId1"/>
  <headerFooter alignWithMargins="0">
    <oddFooter>&amp;C&amp;"Century,標準"&amp;14&amp;P</oddFooter>
  </headerFooter>
  <rowBreaks count="4" manualBreakCount="4">
    <brk id="55" max="15" man="1"/>
    <brk id="106" max="15" man="1"/>
    <brk id="159" max="15" man="1"/>
    <brk id="216" min="2" max="12"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C52A23C-EB8E-4EEE-BFD8-C6F55AE754A2}">
  <sheetPr>
    <pageSetUpPr fitToPage="1"/>
  </sheetPr>
  <dimension ref="B2:R189"/>
  <sheetViews>
    <sheetView showGridLines="0" view="pageBreakPreview" zoomScale="85" zoomScaleNormal="85" zoomScaleSheetLayoutView="85" workbookViewId="0"/>
  </sheetViews>
  <sheetFormatPr defaultColWidth="9" defaultRowHeight="13.5" x14ac:dyDescent="0.15"/>
  <cols>
    <col min="1" max="2" width="1.5" style="161" customWidth="1"/>
    <col min="3" max="3" width="21" style="161" customWidth="1"/>
    <col min="4" max="4" width="14.5" style="161" customWidth="1"/>
    <col min="5" max="5" width="9.875" style="161" customWidth="1"/>
    <col min="6" max="6" width="9" style="161"/>
    <col min="7" max="8" width="4.5" style="161" customWidth="1"/>
    <col min="9" max="9" width="10.25" style="161" customWidth="1"/>
    <col min="10" max="10" width="8.375" style="161" bestFit="1" customWidth="1"/>
    <col min="11" max="11" width="7.125" style="161" bestFit="1" customWidth="1"/>
    <col min="12" max="12" width="1.25" style="161" customWidth="1"/>
    <col min="13" max="16384" width="9" style="161"/>
  </cols>
  <sheetData>
    <row r="2" spans="2:12" ht="7.5" customHeight="1" x14ac:dyDescent="0.15"/>
    <row r="3" spans="2:12" x14ac:dyDescent="0.15">
      <c r="B3" s="161" t="s">
        <v>257</v>
      </c>
      <c r="E3" s="162"/>
      <c r="F3" s="162"/>
      <c r="J3" s="208"/>
      <c r="K3" s="209"/>
    </row>
    <row r="4" spans="2:12" ht="7.5" customHeight="1" x14ac:dyDescent="0.15">
      <c r="B4" s="163"/>
      <c r="C4" s="164"/>
      <c r="D4" s="164"/>
      <c r="E4" s="210"/>
      <c r="F4" s="164"/>
      <c r="G4" s="211"/>
      <c r="H4" s="211"/>
      <c r="I4" s="211"/>
      <c r="J4" s="211"/>
      <c r="K4" s="212"/>
      <c r="L4" s="168"/>
    </row>
    <row r="5" spans="2:12" ht="14.25" customHeight="1" x14ac:dyDescent="0.15">
      <c r="B5" s="168"/>
      <c r="E5" s="18"/>
      <c r="F5" s="19" t="s">
        <v>7</v>
      </c>
      <c r="G5" s="122" t="s">
        <v>117</v>
      </c>
      <c r="H5" s="123"/>
      <c r="I5" s="124"/>
      <c r="J5" s="19" t="s">
        <v>9</v>
      </c>
      <c r="K5" s="642" t="s">
        <v>10</v>
      </c>
      <c r="L5" s="168"/>
    </row>
    <row r="6" spans="2:12" ht="14.25" customHeight="1" x14ac:dyDescent="0.15">
      <c r="B6" s="168"/>
      <c r="C6" s="161" t="s">
        <v>0</v>
      </c>
      <c r="D6" s="161" t="s">
        <v>286</v>
      </c>
      <c r="E6" s="26" t="s">
        <v>11</v>
      </c>
      <c r="F6" s="27" t="s">
        <v>12</v>
      </c>
      <c r="G6" s="125" t="s">
        <v>118</v>
      </c>
      <c r="H6" s="125" t="s">
        <v>118</v>
      </c>
      <c r="I6" s="23" t="s">
        <v>119</v>
      </c>
      <c r="J6" s="31" t="s">
        <v>14</v>
      </c>
      <c r="K6" s="667"/>
      <c r="L6" s="168"/>
    </row>
    <row r="7" spans="2:12" ht="14.25" customHeight="1" x14ac:dyDescent="0.15">
      <c r="B7" s="168"/>
      <c r="C7" s="171"/>
      <c r="D7" s="171"/>
      <c r="E7" s="26" t="s">
        <v>16</v>
      </c>
      <c r="F7" s="27"/>
      <c r="G7" s="126" t="s">
        <v>121</v>
      </c>
      <c r="H7" s="126" t="s">
        <v>122</v>
      </c>
      <c r="I7" s="31" t="s">
        <v>17</v>
      </c>
      <c r="J7" s="31" t="s">
        <v>18</v>
      </c>
      <c r="K7" s="667"/>
      <c r="L7" s="168"/>
    </row>
    <row r="8" spans="2:12" ht="7.5" customHeight="1" x14ac:dyDescent="0.15">
      <c r="B8" s="172"/>
      <c r="C8" s="216"/>
      <c r="D8" s="216"/>
      <c r="E8" s="37"/>
      <c r="F8" s="38"/>
      <c r="G8" s="41"/>
      <c r="H8" s="41"/>
      <c r="I8" s="38"/>
      <c r="J8" s="41"/>
      <c r="K8" s="42"/>
      <c r="L8" s="168"/>
    </row>
    <row r="9" spans="2:12" ht="7.5" customHeight="1" x14ac:dyDescent="0.15">
      <c r="B9" s="163"/>
      <c r="C9" s="171"/>
      <c r="D9" s="171"/>
      <c r="E9" s="219"/>
      <c r="G9" s="171"/>
      <c r="H9" s="171"/>
      <c r="I9" s="171"/>
      <c r="J9" s="171"/>
      <c r="K9" s="220"/>
      <c r="L9" s="168"/>
    </row>
    <row r="10" spans="2:12" ht="14.25" customHeight="1" x14ac:dyDescent="0.15">
      <c r="B10" s="168"/>
      <c r="C10" s="161" t="s">
        <v>146</v>
      </c>
      <c r="D10" s="467" t="s">
        <v>287</v>
      </c>
      <c r="E10" s="434">
        <v>119</v>
      </c>
      <c r="F10" s="179">
        <v>186</v>
      </c>
      <c r="G10" s="340" t="s">
        <v>247</v>
      </c>
      <c r="H10" s="340" t="s">
        <v>247</v>
      </c>
      <c r="I10" s="179">
        <v>178</v>
      </c>
      <c r="J10" s="468">
        <v>1.5</v>
      </c>
      <c r="K10" s="469">
        <v>1.66</v>
      </c>
      <c r="L10" s="168"/>
    </row>
    <row r="11" spans="2:12" ht="14.25" customHeight="1" x14ac:dyDescent="0.15">
      <c r="B11" s="168"/>
      <c r="C11" s="161" t="s">
        <v>170</v>
      </c>
      <c r="D11" s="467" t="s">
        <v>288</v>
      </c>
      <c r="E11" s="434">
        <v>89</v>
      </c>
      <c r="F11" s="179">
        <v>134</v>
      </c>
      <c r="G11" s="340" t="s">
        <v>174</v>
      </c>
      <c r="H11" s="340" t="s">
        <v>174</v>
      </c>
      <c r="I11" s="179">
        <v>129</v>
      </c>
      <c r="J11" s="208">
        <v>1.45</v>
      </c>
      <c r="K11" s="469">
        <v>1.38</v>
      </c>
      <c r="L11" s="168"/>
    </row>
    <row r="12" spans="2:12" ht="14.25" customHeight="1" x14ac:dyDescent="0.15">
      <c r="B12" s="168"/>
      <c r="D12" s="234" t="s">
        <v>289</v>
      </c>
      <c r="E12" s="470">
        <v>208</v>
      </c>
      <c r="F12" s="263">
        <v>320</v>
      </c>
      <c r="G12" s="340" t="s">
        <v>247</v>
      </c>
      <c r="H12" s="340" t="s">
        <v>247</v>
      </c>
      <c r="I12" s="263">
        <v>307</v>
      </c>
      <c r="J12" s="237">
        <v>1.48</v>
      </c>
      <c r="K12" s="471">
        <v>1.54</v>
      </c>
      <c r="L12" s="168"/>
    </row>
    <row r="13" spans="2:12" ht="21.6" customHeight="1" x14ac:dyDescent="0.15">
      <c r="B13" s="168"/>
      <c r="C13" s="177" t="s">
        <v>290</v>
      </c>
      <c r="D13" s="177" t="s">
        <v>291</v>
      </c>
      <c r="E13" s="434">
        <v>278</v>
      </c>
      <c r="F13" s="179">
        <v>262</v>
      </c>
      <c r="G13" s="340" t="s">
        <v>174</v>
      </c>
      <c r="H13" s="340" t="s">
        <v>174</v>
      </c>
      <c r="I13" s="179">
        <v>257</v>
      </c>
      <c r="J13" s="208">
        <v>0.92</v>
      </c>
      <c r="K13" s="472">
        <v>1.06</v>
      </c>
      <c r="L13" s="168"/>
    </row>
    <row r="14" spans="2:12" ht="14.25" customHeight="1" x14ac:dyDescent="0.15">
      <c r="B14" s="168"/>
      <c r="C14" s="161" t="s">
        <v>292</v>
      </c>
      <c r="D14" s="161" t="s">
        <v>291</v>
      </c>
      <c r="E14" s="434">
        <v>270</v>
      </c>
      <c r="F14" s="179">
        <v>191</v>
      </c>
      <c r="G14" s="340" t="s">
        <v>174</v>
      </c>
      <c r="H14" s="340" t="s">
        <v>174</v>
      </c>
      <c r="I14" s="179">
        <v>185</v>
      </c>
      <c r="J14" s="208">
        <v>0.69</v>
      </c>
      <c r="K14" s="469">
        <v>0.97</v>
      </c>
      <c r="L14" s="168"/>
    </row>
    <row r="15" spans="2:12" ht="14.25" customHeight="1" x14ac:dyDescent="0.15">
      <c r="B15" s="168"/>
      <c r="C15" s="177" t="s">
        <v>293</v>
      </c>
      <c r="D15" s="177" t="s">
        <v>291</v>
      </c>
      <c r="E15" s="434">
        <v>305</v>
      </c>
      <c r="F15" s="179">
        <v>332</v>
      </c>
      <c r="G15" s="340" t="s">
        <v>174</v>
      </c>
      <c r="H15" s="340" t="s">
        <v>174</v>
      </c>
      <c r="I15" s="179">
        <v>330</v>
      </c>
      <c r="J15" s="208">
        <v>1.08</v>
      </c>
      <c r="K15" s="472">
        <v>1.34</v>
      </c>
      <c r="L15" s="168"/>
    </row>
    <row r="16" spans="2:12" ht="14.25" customHeight="1" x14ac:dyDescent="0.15">
      <c r="B16" s="168"/>
      <c r="C16" s="161" t="s">
        <v>294</v>
      </c>
      <c r="D16" s="161" t="s">
        <v>260</v>
      </c>
      <c r="E16" s="434">
        <v>318</v>
      </c>
      <c r="F16" s="179">
        <v>382</v>
      </c>
      <c r="G16" s="340" t="s">
        <v>174</v>
      </c>
      <c r="H16" s="340" t="s">
        <v>174</v>
      </c>
      <c r="I16" s="179">
        <v>378</v>
      </c>
      <c r="J16" s="208">
        <v>1.19</v>
      </c>
      <c r="K16" s="469">
        <v>1.22</v>
      </c>
      <c r="L16" s="168"/>
    </row>
    <row r="17" spans="2:12" ht="14.25" customHeight="1" x14ac:dyDescent="0.15">
      <c r="B17" s="168"/>
      <c r="C17" s="161" t="s">
        <v>264</v>
      </c>
      <c r="D17" s="161" t="s">
        <v>291</v>
      </c>
      <c r="E17" s="434">
        <v>222</v>
      </c>
      <c r="F17" s="179">
        <v>284</v>
      </c>
      <c r="G17" s="340" t="s">
        <v>174</v>
      </c>
      <c r="H17" s="340" t="s">
        <v>174</v>
      </c>
      <c r="I17" s="179">
        <v>280</v>
      </c>
      <c r="J17" s="208">
        <v>1.26</v>
      </c>
      <c r="K17" s="469">
        <v>1.2</v>
      </c>
      <c r="L17" s="168"/>
    </row>
    <row r="18" spans="2:12" ht="14.25" customHeight="1" x14ac:dyDescent="0.15">
      <c r="B18" s="168"/>
      <c r="C18" s="177" t="s">
        <v>295</v>
      </c>
      <c r="D18" s="177" t="s">
        <v>291</v>
      </c>
      <c r="E18" s="434">
        <v>225</v>
      </c>
      <c r="F18" s="179">
        <v>150</v>
      </c>
      <c r="G18" s="340" t="s">
        <v>174</v>
      </c>
      <c r="H18" s="340" t="s">
        <v>174</v>
      </c>
      <c r="I18" s="179">
        <v>146</v>
      </c>
      <c r="J18" s="208">
        <v>0.65</v>
      </c>
      <c r="K18" s="472">
        <v>0.76</v>
      </c>
      <c r="L18" s="168"/>
    </row>
    <row r="19" spans="2:12" ht="14.25" customHeight="1" x14ac:dyDescent="0.15">
      <c r="B19" s="168"/>
      <c r="C19" s="161" t="s">
        <v>296</v>
      </c>
      <c r="D19" s="161" t="s">
        <v>291</v>
      </c>
      <c r="E19" s="434">
        <v>198</v>
      </c>
      <c r="F19" s="179">
        <v>86</v>
      </c>
      <c r="G19" s="340" t="s">
        <v>174</v>
      </c>
      <c r="H19" s="340" t="s">
        <v>174</v>
      </c>
      <c r="I19" s="179">
        <v>84</v>
      </c>
      <c r="J19" s="208">
        <v>0.42</v>
      </c>
      <c r="K19" s="472">
        <v>0.73</v>
      </c>
      <c r="L19" s="168"/>
    </row>
    <row r="20" spans="2:12" ht="14.25" customHeight="1" x14ac:dyDescent="0.15">
      <c r="B20" s="168"/>
      <c r="C20" s="161" t="s">
        <v>297</v>
      </c>
      <c r="D20" s="161" t="s">
        <v>291</v>
      </c>
      <c r="E20" s="434">
        <v>278</v>
      </c>
      <c r="F20" s="179">
        <v>303</v>
      </c>
      <c r="G20" s="340" t="s">
        <v>174</v>
      </c>
      <c r="H20" s="340" t="s">
        <v>174</v>
      </c>
      <c r="I20" s="179">
        <v>295</v>
      </c>
      <c r="J20" s="223">
        <v>1.06</v>
      </c>
      <c r="K20" s="469">
        <v>1.23</v>
      </c>
      <c r="L20" s="473"/>
    </row>
    <row r="21" spans="2:12" ht="14.25" customHeight="1" x14ac:dyDescent="0.15">
      <c r="B21" s="168"/>
      <c r="C21" s="161" t="s">
        <v>298</v>
      </c>
      <c r="D21" s="161" t="s">
        <v>260</v>
      </c>
      <c r="E21" s="434">
        <v>238</v>
      </c>
      <c r="F21" s="179">
        <v>170</v>
      </c>
      <c r="G21" s="340" t="s">
        <v>174</v>
      </c>
      <c r="H21" s="340" t="s">
        <v>174</v>
      </c>
      <c r="I21" s="179">
        <v>169</v>
      </c>
      <c r="J21" s="223">
        <v>0.71</v>
      </c>
      <c r="K21" s="474">
        <v>0.8</v>
      </c>
      <c r="L21" s="168"/>
    </row>
    <row r="22" spans="2:12" ht="14.25" customHeight="1" x14ac:dyDescent="0.15">
      <c r="B22" s="168"/>
      <c r="C22" s="161" t="s">
        <v>299</v>
      </c>
      <c r="D22" s="161" t="s">
        <v>291</v>
      </c>
      <c r="E22" s="434">
        <v>319</v>
      </c>
      <c r="F22" s="179">
        <v>371</v>
      </c>
      <c r="G22" s="340" t="s">
        <v>174</v>
      </c>
      <c r="H22" s="340" t="s">
        <v>174</v>
      </c>
      <c r="I22" s="179">
        <v>363</v>
      </c>
      <c r="J22" s="223">
        <v>1.1399999999999999</v>
      </c>
      <c r="K22" s="474">
        <v>1.23</v>
      </c>
      <c r="L22" s="168"/>
    </row>
    <row r="23" spans="2:12" ht="14.25" customHeight="1" x14ac:dyDescent="0.15">
      <c r="B23" s="168"/>
      <c r="C23" s="161" t="s">
        <v>300</v>
      </c>
      <c r="D23" s="161" t="s">
        <v>291</v>
      </c>
      <c r="E23" s="434">
        <v>230</v>
      </c>
      <c r="F23" s="179">
        <v>234</v>
      </c>
      <c r="G23" s="340" t="s">
        <v>174</v>
      </c>
      <c r="H23" s="340" t="s">
        <v>174</v>
      </c>
      <c r="I23" s="179">
        <v>230</v>
      </c>
      <c r="J23" s="223">
        <v>1</v>
      </c>
      <c r="K23" s="475">
        <v>0.89</v>
      </c>
      <c r="L23" s="168"/>
    </row>
    <row r="24" spans="2:12" ht="14.25" customHeight="1" x14ac:dyDescent="0.15">
      <c r="B24" s="168"/>
      <c r="C24" s="161" t="s">
        <v>301</v>
      </c>
      <c r="D24" s="161" t="s">
        <v>291</v>
      </c>
      <c r="E24" s="434">
        <v>278</v>
      </c>
      <c r="F24" s="179">
        <v>263</v>
      </c>
      <c r="G24" s="340" t="s">
        <v>174</v>
      </c>
      <c r="H24" s="340" t="s">
        <v>174</v>
      </c>
      <c r="I24" s="179">
        <v>262</v>
      </c>
      <c r="J24" s="223">
        <v>0.94</v>
      </c>
      <c r="K24" s="475">
        <v>1.05</v>
      </c>
      <c r="L24" s="168"/>
    </row>
    <row r="25" spans="2:12" ht="14.25" customHeight="1" x14ac:dyDescent="0.15">
      <c r="B25" s="168"/>
      <c r="C25" s="177" t="s">
        <v>302</v>
      </c>
      <c r="D25" s="177" t="s">
        <v>291</v>
      </c>
      <c r="E25" s="434">
        <v>183</v>
      </c>
      <c r="F25" s="179">
        <v>191</v>
      </c>
      <c r="G25" s="340" t="s">
        <v>174</v>
      </c>
      <c r="H25" s="340" t="s">
        <v>174</v>
      </c>
      <c r="I25" s="179">
        <v>186</v>
      </c>
      <c r="J25" s="223">
        <v>1.02</v>
      </c>
      <c r="K25" s="476">
        <v>1.38</v>
      </c>
      <c r="L25" s="473"/>
    </row>
    <row r="26" spans="2:12" ht="24" customHeight="1" x14ac:dyDescent="0.15">
      <c r="B26" s="168"/>
      <c r="C26" s="161" t="s">
        <v>160</v>
      </c>
      <c r="D26" s="161" t="s">
        <v>291</v>
      </c>
      <c r="E26" s="434">
        <v>268</v>
      </c>
      <c r="F26" s="179">
        <v>324</v>
      </c>
      <c r="G26" s="179">
        <v>298</v>
      </c>
      <c r="H26" s="179">
        <v>13</v>
      </c>
      <c r="I26" s="179">
        <v>311</v>
      </c>
      <c r="J26" s="208">
        <v>1.1599999999999999</v>
      </c>
      <c r="K26" s="469">
        <v>1.32</v>
      </c>
      <c r="L26" s="168"/>
    </row>
    <row r="27" spans="2:12" ht="14.25" customHeight="1" x14ac:dyDescent="0.15">
      <c r="B27" s="168"/>
      <c r="C27" s="161" t="s">
        <v>303</v>
      </c>
      <c r="D27" s="161" t="s">
        <v>304</v>
      </c>
      <c r="E27" s="434">
        <v>279</v>
      </c>
      <c r="F27" s="179">
        <v>341</v>
      </c>
      <c r="G27" s="179">
        <v>311</v>
      </c>
      <c r="H27" s="179">
        <v>24</v>
      </c>
      <c r="I27" s="179">
        <v>335</v>
      </c>
      <c r="J27" s="208">
        <v>1.2</v>
      </c>
      <c r="K27" s="469">
        <v>1.06</v>
      </c>
      <c r="L27" s="168"/>
    </row>
    <row r="28" spans="2:12" ht="7.5" customHeight="1" x14ac:dyDescent="0.15">
      <c r="B28" s="284"/>
      <c r="C28" s="477"/>
      <c r="D28" s="477"/>
      <c r="E28" s="434"/>
      <c r="F28" s="478"/>
      <c r="G28" s="479"/>
      <c r="H28" s="480"/>
      <c r="I28" s="481"/>
      <c r="J28" s="288"/>
      <c r="K28" s="482"/>
      <c r="L28" s="168"/>
    </row>
    <row r="29" spans="2:12" ht="7.5" customHeight="1" x14ac:dyDescent="0.15">
      <c r="B29" s="168"/>
      <c r="E29" s="483"/>
      <c r="F29" s="162"/>
      <c r="G29" s="484"/>
      <c r="H29" s="225"/>
      <c r="I29" s="179"/>
      <c r="J29" s="208"/>
      <c r="K29" s="485"/>
      <c r="L29" s="168"/>
    </row>
    <row r="30" spans="2:12" ht="14.25" customHeight="1" x14ac:dyDescent="0.15">
      <c r="B30" s="168"/>
      <c r="C30" s="663" t="s">
        <v>139</v>
      </c>
      <c r="D30" s="664"/>
      <c r="E30" s="436">
        <v>4097</v>
      </c>
      <c r="F30" s="195">
        <v>4204</v>
      </c>
      <c r="G30" s="486" t="s">
        <v>247</v>
      </c>
      <c r="H30" s="486" t="s">
        <v>247</v>
      </c>
      <c r="I30" s="195">
        <v>4118</v>
      </c>
      <c r="J30" s="237">
        <v>1.01</v>
      </c>
      <c r="K30" s="471">
        <v>1.1200000000000001</v>
      </c>
      <c r="L30" s="168"/>
    </row>
    <row r="31" spans="2:12" ht="7.5" customHeight="1" x14ac:dyDescent="0.15">
      <c r="B31" s="172"/>
      <c r="C31" s="173"/>
      <c r="D31" s="173"/>
      <c r="E31" s="199"/>
      <c r="F31" s="200"/>
      <c r="G31" s="487"/>
      <c r="H31" s="488"/>
      <c r="I31" s="489"/>
      <c r="J31" s="248"/>
      <c r="K31" s="490"/>
      <c r="L31" s="168"/>
    </row>
    <row r="32" spans="2:12" ht="15.6" customHeight="1" x14ac:dyDescent="0.15">
      <c r="B32" s="666"/>
      <c r="C32" s="666"/>
      <c r="D32" s="666"/>
      <c r="E32" s="666"/>
      <c r="F32" s="666"/>
      <c r="G32" s="666"/>
      <c r="H32" s="666"/>
      <c r="I32" s="666"/>
      <c r="J32" s="666"/>
      <c r="K32" s="666"/>
    </row>
    <row r="33" spans="2:12" ht="14.25" customHeight="1" x14ac:dyDescent="0.15">
      <c r="B33" s="161" t="s">
        <v>305</v>
      </c>
      <c r="E33" s="162"/>
      <c r="F33" s="162"/>
      <c r="J33" s="208"/>
      <c r="K33" s="209"/>
    </row>
    <row r="34" spans="2:12" ht="8.25" customHeight="1" x14ac:dyDescent="0.15">
      <c r="B34" s="163"/>
      <c r="C34" s="164"/>
      <c r="D34" s="164"/>
      <c r="E34" s="210"/>
      <c r="F34" s="164"/>
      <c r="G34" s="211"/>
      <c r="H34" s="211"/>
      <c r="I34" s="211"/>
      <c r="J34" s="211"/>
      <c r="K34" s="212"/>
    </row>
    <row r="35" spans="2:12" ht="14.25" customHeight="1" x14ac:dyDescent="0.15">
      <c r="B35" s="168"/>
      <c r="E35" s="18"/>
      <c r="F35" s="19" t="s">
        <v>7</v>
      </c>
      <c r="G35" s="20" t="s">
        <v>8</v>
      </c>
      <c r="H35" s="21"/>
      <c r="I35" s="22"/>
      <c r="J35" s="19" t="s">
        <v>9</v>
      </c>
      <c r="K35" s="642" t="s">
        <v>10</v>
      </c>
    </row>
    <row r="36" spans="2:12" ht="14.25" customHeight="1" x14ac:dyDescent="0.15">
      <c r="B36" s="168"/>
      <c r="C36" s="161" t="s">
        <v>0</v>
      </c>
      <c r="D36" s="161" t="s">
        <v>286</v>
      </c>
      <c r="E36" s="26" t="s">
        <v>11</v>
      </c>
      <c r="F36" s="27" t="s">
        <v>12</v>
      </c>
      <c r="G36" s="28" t="s">
        <v>13</v>
      </c>
      <c r="H36" s="29"/>
      <c r="I36" s="30"/>
      <c r="J36" s="31" t="s">
        <v>14</v>
      </c>
      <c r="K36" s="667"/>
    </row>
    <row r="37" spans="2:12" ht="14.25" customHeight="1" x14ac:dyDescent="0.15">
      <c r="B37" s="168"/>
      <c r="C37" s="171"/>
      <c r="D37" s="215"/>
      <c r="E37" s="26" t="s">
        <v>16</v>
      </c>
      <c r="F37" s="27"/>
      <c r="G37" s="29" t="s">
        <v>17</v>
      </c>
      <c r="H37" s="32"/>
      <c r="I37" s="30"/>
      <c r="J37" s="31" t="s">
        <v>18</v>
      </c>
      <c r="K37" s="667"/>
    </row>
    <row r="38" spans="2:12" ht="8.25" customHeight="1" x14ac:dyDescent="0.15">
      <c r="B38" s="168"/>
      <c r="C38" s="216"/>
      <c r="D38" s="217"/>
      <c r="E38" s="37"/>
      <c r="F38" s="38"/>
      <c r="G38" s="39"/>
      <c r="H38" s="36"/>
      <c r="I38" s="40"/>
      <c r="J38" s="41"/>
      <c r="K38" s="42"/>
    </row>
    <row r="39" spans="2:12" ht="8.25" customHeight="1" x14ac:dyDescent="0.15">
      <c r="B39" s="163"/>
      <c r="C39" s="171"/>
      <c r="D39" s="171"/>
      <c r="E39" s="219"/>
      <c r="G39" s="171"/>
      <c r="H39" s="171"/>
      <c r="I39" s="171"/>
      <c r="J39" s="171"/>
      <c r="K39" s="220"/>
    </row>
    <row r="40" spans="2:12" ht="14.25" customHeight="1" x14ac:dyDescent="0.15">
      <c r="B40" s="168"/>
      <c r="C40" s="161" t="s">
        <v>303</v>
      </c>
      <c r="D40" s="467" t="s">
        <v>306</v>
      </c>
      <c r="E40" s="221">
        <v>39</v>
      </c>
      <c r="F40" s="179">
        <v>46</v>
      </c>
      <c r="G40" s="179"/>
      <c r="H40" s="179"/>
      <c r="I40" s="179">
        <v>46</v>
      </c>
      <c r="J40" s="208">
        <v>1.18</v>
      </c>
      <c r="K40" s="491">
        <v>1.1299999999999999</v>
      </c>
    </row>
    <row r="41" spans="2:12" ht="8.25" customHeight="1" x14ac:dyDescent="0.15">
      <c r="B41" s="172"/>
      <c r="C41" s="173"/>
      <c r="D41" s="173"/>
      <c r="E41" s="199"/>
      <c r="F41" s="200"/>
      <c r="G41" s="487"/>
      <c r="H41" s="488"/>
      <c r="I41" s="489"/>
      <c r="J41" s="248"/>
      <c r="K41" s="490"/>
    </row>
    <row r="42" spans="2:12" ht="9" customHeight="1" x14ac:dyDescent="0.15">
      <c r="E42" s="162"/>
      <c r="F42" s="162"/>
      <c r="G42" s="484"/>
      <c r="H42" s="225"/>
      <c r="I42" s="179"/>
      <c r="J42" s="208"/>
      <c r="K42" s="209"/>
    </row>
    <row r="43" spans="2:12" x14ac:dyDescent="0.15">
      <c r="B43" s="161" t="s">
        <v>307</v>
      </c>
      <c r="E43" s="162"/>
      <c r="F43" s="162"/>
      <c r="J43" s="208"/>
      <c r="K43" s="209"/>
    </row>
    <row r="44" spans="2:12" ht="7.5" customHeight="1" x14ac:dyDescent="0.15">
      <c r="B44" s="163"/>
      <c r="C44" s="164"/>
      <c r="D44" s="164"/>
      <c r="E44" s="210"/>
      <c r="F44" s="164"/>
      <c r="G44" s="211"/>
      <c r="H44" s="211"/>
      <c r="I44" s="211"/>
      <c r="J44" s="211"/>
      <c r="K44" s="212"/>
      <c r="L44" s="168"/>
    </row>
    <row r="45" spans="2:12" ht="14.25" customHeight="1" x14ac:dyDescent="0.15">
      <c r="B45" s="168"/>
      <c r="E45" s="18"/>
      <c r="F45" s="19" t="s">
        <v>7</v>
      </c>
      <c r="G45" s="122" t="s">
        <v>117</v>
      </c>
      <c r="H45" s="123"/>
      <c r="I45" s="124"/>
      <c r="J45" s="19" t="s">
        <v>9</v>
      </c>
      <c r="K45" s="642" t="s">
        <v>10</v>
      </c>
      <c r="L45" s="168"/>
    </row>
    <row r="46" spans="2:12" ht="14.25" customHeight="1" x14ac:dyDescent="0.15">
      <c r="B46" s="168"/>
      <c r="C46" s="161" t="s">
        <v>0</v>
      </c>
      <c r="D46" s="161" t="s">
        <v>164</v>
      </c>
      <c r="E46" s="26" t="s">
        <v>11</v>
      </c>
      <c r="F46" s="27" t="s">
        <v>12</v>
      </c>
      <c r="G46" s="125" t="s">
        <v>118</v>
      </c>
      <c r="H46" s="125" t="s">
        <v>118</v>
      </c>
      <c r="I46" s="23" t="s">
        <v>119</v>
      </c>
      <c r="J46" s="31" t="s">
        <v>14</v>
      </c>
      <c r="K46" s="642"/>
      <c r="L46" s="168"/>
    </row>
    <row r="47" spans="2:12" ht="14.25" customHeight="1" x14ac:dyDescent="0.15">
      <c r="B47" s="168"/>
      <c r="C47" s="171"/>
      <c r="D47" s="171"/>
      <c r="E47" s="26" t="s">
        <v>16</v>
      </c>
      <c r="F47" s="27"/>
      <c r="G47" s="126" t="s">
        <v>121</v>
      </c>
      <c r="H47" s="126" t="s">
        <v>122</v>
      </c>
      <c r="I47" s="31" t="s">
        <v>17</v>
      </c>
      <c r="J47" s="31" t="s">
        <v>18</v>
      </c>
      <c r="K47" s="642"/>
      <c r="L47" s="168"/>
    </row>
    <row r="48" spans="2:12" ht="7.5" customHeight="1" x14ac:dyDescent="0.15">
      <c r="B48" s="172"/>
      <c r="C48" s="216"/>
      <c r="D48" s="216"/>
      <c r="E48" s="37"/>
      <c r="F48" s="38"/>
      <c r="G48" s="41"/>
      <c r="H48" s="41"/>
      <c r="I48" s="38"/>
      <c r="J48" s="41"/>
      <c r="K48" s="42"/>
      <c r="L48" s="168"/>
    </row>
    <row r="49" spans="2:12" ht="7.5" customHeight="1" x14ac:dyDescent="0.15">
      <c r="B49" s="163"/>
      <c r="C49" s="171"/>
      <c r="D49" s="171"/>
      <c r="E49" s="219"/>
      <c r="G49" s="171"/>
      <c r="H49" s="171"/>
      <c r="I49" s="171"/>
      <c r="J49" s="171"/>
      <c r="K49" s="220"/>
      <c r="L49" s="168"/>
    </row>
    <row r="50" spans="2:12" ht="14.25" customHeight="1" x14ac:dyDescent="0.15">
      <c r="B50" s="168"/>
      <c r="C50" s="161" t="s">
        <v>308</v>
      </c>
      <c r="D50" s="161" t="s">
        <v>309</v>
      </c>
      <c r="E50" s="434">
        <v>259</v>
      </c>
      <c r="F50" s="179">
        <v>302</v>
      </c>
      <c r="G50" s="340" t="s">
        <v>174</v>
      </c>
      <c r="H50" s="340" t="s">
        <v>174</v>
      </c>
      <c r="I50" s="179">
        <v>296</v>
      </c>
      <c r="J50" s="208">
        <v>1.1399999999999999</v>
      </c>
      <c r="K50" s="469">
        <v>1.1599999999999999</v>
      </c>
      <c r="L50" s="168"/>
    </row>
    <row r="51" spans="2:12" ht="14.25" customHeight="1" x14ac:dyDescent="0.15">
      <c r="B51" s="168"/>
      <c r="C51" s="161" t="s">
        <v>310</v>
      </c>
      <c r="D51" s="161" t="s">
        <v>309</v>
      </c>
      <c r="E51" s="434">
        <v>278</v>
      </c>
      <c r="F51" s="179">
        <v>316</v>
      </c>
      <c r="G51" s="340" t="s">
        <v>174</v>
      </c>
      <c r="H51" s="340" t="s">
        <v>174</v>
      </c>
      <c r="I51" s="179">
        <v>309</v>
      </c>
      <c r="J51" s="208">
        <v>1.1100000000000001</v>
      </c>
      <c r="K51" s="469">
        <v>1.25</v>
      </c>
      <c r="L51" s="168"/>
    </row>
    <row r="52" spans="2:12" ht="14.25" customHeight="1" x14ac:dyDescent="0.15">
      <c r="B52" s="168"/>
      <c r="C52" s="161" t="s">
        <v>311</v>
      </c>
      <c r="D52" s="161" t="s">
        <v>309</v>
      </c>
      <c r="E52" s="434">
        <v>268</v>
      </c>
      <c r="F52" s="179">
        <v>320</v>
      </c>
      <c r="G52" s="340" t="s">
        <v>174</v>
      </c>
      <c r="H52" s="340" t="s">
        <v>174</v>
      </c>
      <c r="I52" s="179">
        <v>315</v>
      </c>
      <c r="J52" s="208">
        <v>1.18</v>
      </c>
      <c r="K52" s="469">
        <v>1.19</v>
      </c>
      <c r="L52" s="168"/>
    </row>
    <row r="53" spans="2:12" ht="14.25" customHeight="1" x14ac:dyDescent="0.15">
      <c r="B53" s="168"/>
      <c r="C53" s="161" t="s">
        <v>312</v>
      </c>
      <c r="D53" s="161" t="s">
        <v>309</v>
      </c>
      <c r="E53" s="434">
        <v>238</v>
      </c>
      <c r="F53" s="179">
        <v>198</v>
      </c>
      <c r="G53" s="340" t="s">
        <v>174</v>
      </c>
      <c r="H53" s="340" t="s">
        <v>174</v>
      </c>
      <c r="I53" s="179">
        <v>196</v>
      </c>
      <c r="J53" s="208">
        <v>0.82</v>
      </c>
      <c r="K53" s="469">
        <v>0.96</v>
      </c>
      <c r="L53" s="168"/>
    </row>
    <row r="54" spans="2:12" ht="14.25" customHeight="1" x14ac:dyDescent="0.15">
      <c r="B54" s="168"/>
      <c r="C54" s="161" t="s">
        <v>313</v>
      </c>
      <c r="D54" s="161" t="s">
        <v>277</v>
      </c>
      <c r="E54" s="434">
        <v>264</v>
      </c>
      <c r="F54" s="179">
        <v>261</v>
      </c>
      <c r="G54" s="340" t="s">
        <v>174</v>
      </c>
      <c r="H54" s="340" t="s">
        <v>174</v>
      </c>
      <c r="I54" s="179">
        <v>260</v>
      </c>
      <c r="J54" s="208">
        <v>0.98</v>
      </c>
      <c r="K54" s="469">
        <v>1.17</v>
      </c>
      <c r="L54" s="168"/>
    </row>
    <row r="55" spans="2:12" ht="22.5" customHeight="1" x14ac:dyDescent="0.15">
      <c r="B55" s="168"/>
      <c r="C55" s="161" t="s">
        <v>314</v>
      </c>
      <c r="D55" s="161" t="s">
        <v>166</v>
      </c>
      <c r="E55" s="434">
        <v>232</v>
      </c>
      <c r="F55" s="179">
        <v>250</v>
      </c>
      <c r="G55" s="179">
        <v>228</v>
      </c>
      <c r="H55" s="179">
        <v>19</v>
      </c>
      <c r="I55" s="179">
        <v>247</v>
      </c>
      <c r="J55" s="208">
        <v>1.06</v>
      </c>
      <c r="K55" s="469">
        <v>1.2</v>
      </c>
      <c r="L55" s="168"/>
    </row>
    <row r="56" spans="2:12" ht="14.25" customHeight="1" x14ac:dyDescent="0.15">
      <c r="B56" s="168"/>
      <c r="C56" s="161" t="s">
        <v>315</v>
      </c>
      <c r="D56" s="161" t="s">
        <v>166</v>
      </c>
      <c r="E56" s="434">
        <v>320</v>
      </c>
      <c r="F56" s="179">
        <v>364</v>
      </c>
      <c r="G56" s="340" t="s">
        <v>174</v>
      </c>
      <c r="H56" s="340" t="s">
        <v>174</v>
      </c>
      <c r="I56" s="179">
        <v>362</v>
      </c>
      <c r="J56" s="208">
        <v>1.1299999999999999</v>
      </c>
      <c r="K56" s="469">
        <v>1.3</v>
      </c>
      <c r="L56" s="168"/>
    </row>
    <row r="57" spans="2:12" ht="7.5" customHeight="1" x14ac:dyDescent="0.15">
      <c r="B57" s="284"/>
      <c r="C57" s="477"/>
      <c r="D57" s="477"/>
      <c r="E57" s="434"/>
      <c r="F57" s="478"/>
      <c r="G57" s="479"/>
      <c r="H57" s="480"/>
      <c r="I57" s="481"/>
      <c r="J57" s="288"/>
      <c r="K57" s="492"/>
      <c r="L57" s="168"/>
    </row>
    <row r="58" spans="2:12" ht="7.5" customHeight="1" x14ac:dyDescent="0.15">
      <c r="B58" s="168"/>
      <c r="E58" s="483"/>
      <c r="F58" s="162"/>
      <c r="G58" s="484"/>
      <c r="H58" s="225"/>
      <c r="I58" s="179"/>
      <c r="J58" s="208"/>
      <c r="K58" s="469"/>
      <c r="L58" s="168"/>
    </row>
    <row r="59" spans="2:12" ht="14.25" customHeight="1" x14ac:dyDescent="0.15">
      <c r="B59" s="168"/>
      <c r="C59" s="663" t="s">
        <v>139</v>
      </c>
      <c r="D59" s="664"/>
      <c r="E59" s="436">
        <v>1859</v>
      </c>
      <c r="F59" s="268">
        <v>2011</v>
      </c>
      <c r="G59" s="486" t="s">
        <v>247</v>
      </c>
      <c r="H59" s="486" t="s">
        <v>247</v>
      </c>
      <c r="I59" s="268">
        <v>1985</v>
      </c>
      <c r="J59" s="237">
        <v>1.07</v>
      </c>
      <c r="K59" s="471">
        <v>1.1200000000000001</v>
      </c>
      <c r="L59" s="168"/>
    </row>
    <row r="60" spans="2:12" ht="7.5" customHeight="1" x14ac:dyDescent="0.15">
      <c r="B60" s="172"/>
      <c r="C60" s="173"/>
      <c r="D60" s="173"/>
      <c r="E60" s="199"/>
      <c r="F60" s="200"/>
      <c r="G60" s="487"/>
      <c r="H60" s="488"/>
      <c r="I60" s="489"/>
      <c r="J60" s="248"/>
      <c r="K60" s="490"/>
      <c r="L60" s="168"/>
    </row>
    <row r="61" spans="2:12" ht="18.95" customHeight="1" x14ac:dyDescent="0.15">
      <c r="B61" s="668"/>
      <c r="C61" s="668"/>
      <c r="D61" s="668"/>
      <c r="E61" s="668"/>
      <c r="F61" s="668"/>
      <c r="G61" s="668"/>
      <c r="H61" s="668"/>
      <c r="I61" s="668"/>
      <c r="J61" s="668"/>
      <c r="K61" s="668"/>
    </row>
    <row r="62" spans="2:12" s="183" customFormat="1" x14ac:dyDescent="0.15">
      <c r="B62" s="183" t="s">
        <v>316</v>
      </c>
      <c r="E62" s="493"/>
      <c r="I62" s="494"/>
    </row>
    <row r="63" spans="2:12" s="183" customFormat="1" ht="7.5" customHeight="1" x14ac:dyDescent="0.15">
      <c r="B63" s="495"/>
      <c r="C63" s="496"/>
      <c r="D63" s="496"/>
      <c r="E63" s="412"/>
      <c r="F63" s="496"/>
      <c r="G63" s="497"/>
      <c r="H63" s="497"/>
      <c r="I63" s="497"/>
      <c r="J63" s="497"/>
      <c r="K63" s="498"/>
    </row>
    <row r="64" spans="2:12" s="183" customFormat="1" ht="14.25" customHeight="1" x14ac:dyDescent="0.15">
      <c r="B64" s="250"/>
      <c r="C64" s="251"/>
      <c r="D64" s="251"/>
      <c r="E64" s="415"/>
      <c r="F64" s="418" t="s">
        <v>7</v>
      </c>
      <c r="G64" s="499"/>
      <c r="H64" s="500"/>
      <c r="I64" s="365"/>
      <c r="J64" s="418"/>
      <c r="K64" s="669" t="s">
        <v>10</v>
      </c>
    </row>
    <row r="65" spans="2:12" s="183" customFormat="1" ht="14.25" customHeight="1" x14ac:dyDescent="0.15">
      <c r="B65" s="250"/>
      <c r="C65" s="251" t="s">
        <v>0</v>
      </c>
      <c r="D65" s="251" t="s">
        <v>164</v>
      </c>
      <c r="E65" s="419" t="s">
        <v>11</v>
      </c>
      <c r="F65" s="501" t="s">
        <v>12</v>
      </c>
      <c r="G65" s="366" t="s">
        <v>13</v>
      </c>
      <c r="H65" s="367"/>
      <c r="I65" s="368"/>
      <c r="J65" s="421" t="s">
        <v>14</v>
      </c>
      <c r="K65" s="669"/>
    </row>
    <row r="66" spans="2:12" s="183" customFormat="1" ht="14.25" customHeight="1" x14ac:dyDescent="0.15">
      <c r="B66" s="250"/>
      <c r="C66" s="502"/>
      <c r="D66" s="502"/>
      <c r="E66" s="419" t="s">
        <v>16</v>
      </c>
      <c r="F66" s="501"/>
      <c r="G66" s="367" t="s">
        <v>17</v>
      </c>
      <c r="H66" s="369"/>
      <c r="I66" s="368"/>
      <c r="J66" s="421" t="s">
        <v>18</v>
      </c>
      <c r="K66" s="669"/>
    </row>
    <row r="67" spans="2:12" s="183" customFormat="1" ht="7.5" customHeight="1" x14ac:dyDescent="0.15">
      <c r="B67" s="503"/>
      <c r="C67" s="504"/>
      <c r="D67" s="504"/>
      <c r="E67" s="428"/>
      <c r="F67" s="505"/>
      <c r="G67" s="370"/>
      <c r="H67" s="371"/>
      <c r="I67" s="372"/>
      <c r="J67" s="506"/>
      <c r="K67" s="507"/>
    </row>
    <row r="68" spans="2:12" s="183" customFormat="1" ht="7.5" customHeight="1" x14ac:dyDescent="0.15">
      <c r="B68" s="508"/>
      <c r="C68" s="509"/>
      <c r="D68" s="509"/>
      <c r="E68" s="432"/>
      <c r="F68" s="251"/>
      <c r="G68" s="502"/>
      <c r="H68" s="502"/>
      <c r="I68" s="502"/>
      <c r="J68" s="502"/>
      <c r="K68" s="510"/>
    </row>
    <row r="69" spans="2:12" s="512" customFormat="1" ht="24.75" customHeight="1" x14ac:dyDescent="0.15">
      <c r="B69" s="511"/>
      <c r="C69" s="512" t="s">
        <v>317</v>
      </c>
      <c r="D69" s="512" t="s">
        <v>277</v>
      </c>
      <c r="E69" s="513"/>
      <c r="F69" s="514"/>
      <c r="G69" s="514"/>
      <c r="H69" s="514"/>
      <c r="I69" s="514"/>
      <c r="J69" s="515"/>
      <c r="K69" s="516"/>
    </row>
    <row r="70" spans="2:12" s="183" customFormat="1" ht="7.5" customHeight="1" x14ac:dyDescent="0.15">
      <c r="B70" s="517"/>
      <c r="C70" s="518"/>
      <c r="D70" s="518"/>
      <c r="E70" s="519"/>
      <c r="F70" s="520"/>
      <c r="G70" s="521"/>
      <c r="H70" s="522"/>
      <c r="I70" s="523"/>
      <c r="J70" s="524"/>
      <c r="K70" s="525"/>
    </row>
    <row r="71" spans="2:12" ht="24" customHeight="1" x14ac:dyDescent="0.15">
      <c r="B71" s="161" t="s">
        <v>318</v>
      </c>
      <c r="E71" s="162"/>
      <c r="F71" s="162"/>
      <c r="J71" s="208"/>
      <c r="K71" s="209"/>
    </row>
    <row r="72" spans="2:12" ht="7.5" customHeight="1" x14ac:dyDescent="0.15">
      <c r="B72" s="163"/>
      <c r="C72" s="164"/>
      <c r="D72" s="164"/>
      <c r="E72" s="210"/>
      <c r="F72" s="164"/>
      <c r="G72" s="211"/>
      <c r="H72" s="211"/>
      <c r="I72" s="211"/>
      <c r="J72" s="211"/>
      <c r="K72" s="212"/>
      <c r="L72" s="168"/>
    </row>
    <row r="73" spans="2:12" ht="14.25" customHeight="1" x14ac:dyDescent="0.15">
      <c r="B73" s="168"/>
      <c r="E73" s="18"/>
      <c r="F73" s="19" t="s">
        <v>7</v>
      </c>
      <c r="G73" s="20" t="s">
        <v>8</v>
      </c>
      <c r="H73" s="21"/>
      <c r="I73" s="22"/>
      <c r="J73" s="19" t="s">
        <v>9</v>
      </c>
      <c r="K73" s="642" t="s">
        <v>10</v>
      </c>
      <c r="L73" s="168"/>
    </row>
    <row r="74" spans="2:12" ht="14.25" customHeight="1" x14ac:dyDescent="0.15">
      <c r="B74" s="168"/>
      <c r="C74" s="161" t="s">
        <v>0</v>
      </c>
      <c r="D74" s="161" t="s">
        <v>164</v>
      </c>
      <c r="E74" s="26" t="s">
        <v>11</v>
      </c>
      <c r="F74" s="27" t="s">
        <v>12</v>
      </c>
      <c r="G74" s="28" t="s">
        <v>13</v>
      </c>
      <c r="H74" s="29"/>
      <c r="I74" s="30"/>
      <c r="J74" s="31" t="s">
        <v>14</v>
      </c>
      <c r="K74" s="667"/>
      <c r="L74" s="168"/>
    </row>
    <row r="75" spans="2:12" ht="14.25" customHeight="1" x14ac:dyDescent="0.15">
      <c r="B75" s="168"/>
      <c r="C75" s="171"/>
      <c r="D75" s="215"/>
      <c r="E75" s="26" t="s">
        <v>16</v>
      </c>
      <c r="F75" s="27"/>
      <c r="G75" s="29" t="s">
        <v>17</v>
      </c>
      <c r="H75" s="32"/>
      <c r="I75" s="30"/>
      <c r="J75" s="31" t="s">
        <v>18</v>
      </c>
      <c r="K75" s="667"/>
      <c r="L75" s="168"/>
    </row>
    <row r="76" spans="2:12" ht="7.5" customHeight="1" x14ac:dyDescent="0.15">
      <c r="B76" s="168"/>
      <c r="C76" s="216"/>
      <c r="D76" s="217"/>
      <c r="E76" s="37"/>
      <c r="F76" s="38"/>
      <c r="G76" s="39"/>
      <c r="H76" s="36"/>
      <c r="I76" s="40"/>
      <c r="J76" s="41"/>
      <c r="K76" s="42"/>
      <c r="L76" s="168"/>
    </row>
    <row r="77" spans="2:12" ht="7.5" customHeight="1" x14ac:dyDescent="0.15">
      <c r="B77" s="163"/>
      <c r="C77" s="171"/>
      <c r="D77" s="171"/>
      <c r="E77" s="219"/>
      <c r="G77" s="171"/>
      <c r="H77" s="171"/>
      <c r="I77" s="171"/>
      <c r="J77" s="171"/>
      <c r="K77" s="220"/>
      <c r="L77" s="168"/>
    </row>
    <row r="78" spans="2:12" ht="14.25" customHeight="1" x14ac:dyDescent="0.15">
      <c r="B78" s="168"/>
      <c r="C78" s="161" t="s">
        <v>319</v>
      </c>
      <c r="D78" s="161" t="s">
        <v>320</v>
      </c>
      <c r="E78" s="526">
        <v>38</v>
      </c>
      <c r="F78" s="179">
        <v>26</v>
      </c>
      <c r="G78" s="179"/>
      <c r="H78" s="179"/>
      <c r="I78" s="179">
        <v>26</v>
      </c>
      <c r="J78" s="527">
        <v>0.68</v>
      </c>
      <c r="K78" s="181">
        <v>0.63</v>
      </c>
      <c r="L78" s="168"/>
    </row>
    <row r="79" spans="2:12" s="2" customFormat="1" ht="18.75" customHeight="1" x14ac:dyDescent="0.15">
      <c r="B79" s="16"/>
      <c r="C79" s="177" t="s">
        <v>321</v>
      </c>
      <c r="D79" s="177" t="s">
        <v>320</v>
      </c>
      <c r="E79" s="528">
        <v>38</v>
      </c>
      <c r="F79" s="179">
        <v>27</v>
      </c>
      <c r="G79" s="179"/>
      <c r="H79" s="179"/>
      <c r="I79" s="179">
        <v>26</v>
      </c>
      <c r="J79" s="529">
        <v>0.68</v>
      </c>
      <c r="K79" s="472">
        <v>0.63</v>
      </c>
      <c r="L79" s="16"/>
    </row>
    <row r="80" spans="2:12" s="2" customFormat="1" ht="14.25" customHeight="1" x14ac:dyDescent="0.15">
      <c r="B80" s="16"/>
      <c r="C80" s="177" t="s">
        <v>170</v>
      </c>
      <c r="D80" s="177" t="s">
        <v>322</v>
      </c>
      <c r="E80" s="528">
        <v>38</v>
      </c>
      <c r="F80" s="179">
        <v>34</v>
      </c>
      <c r="G80" s="179"/>
      <c r="H80" s="179"/>
      <c r="I80" s="179">
        <v>34</v>
      </c>
      <c r="J80" s="527">
        <v>0.89</v>
      </c>
      <c r="K80" s="472">
        <v>0.84</v>
      </c>
      <c r="L80" s="16"/>
    </row>
    <row r="81" spans="2:18" s="2" customFormat="1" ht="14.25" customHeight="1" x14ac:dyDescent="0.15">
      <c r="B81" s="16"/>
      <c r="C81" s="177" t="s">
        <v>170</v>
      </c>
      <c r="D81" s="177" t="s">
        <v>323</v>
      </c>
      <c r="E81" s="528">
        <v>38</v>
      </c>
      <c r="F81" s="179">
        <v>18</v>
      </c>
      <c r="G81" s="179"/>
      <c r="H81" s="179"/>
      <c r="I81" s="179">
        <v>17</v>
      </c>
      <c r="J81" s="527">
        <v>0.45</v>
      </c>
      <c r="K81" s="472">
        <v>0.55000000000000004</v>
      </c>
      <c r="L81" s="16"/>
    </row>
    <row r="82" spans="2:18" ht="16.5" customHeight="1" x14ac:dyDescent="0.15">
      <c r="B82" s="168"/>
      <c r="D82" s="228" t="s">
        <v>152</v>
      </c>
      <c r="E82" s="530">
        <v>114</v>
      </c>
      <c r="F82" s="531">
        <v>79</v>
      </c>
      <c r="G82" s="532"/>
      <c r="H82" s="532"/>
      <c r="I82" s="531">
        <v>77</v>
      </c>
      <c r="J82" s="533">
        <v>0.68</v>
      </c>
      <c r="K82" s="534">
        <v>0.68</v>
      </c>
      <c r="L82" s="168"/>
    </row>
    <row r="83" spans="2:18" ht="7.5" customHeight="1" x14ac:dyDescent="0.15">
      <c r="B83" s="168"/>
      <c r="E83" s="221"/>
      <c r="F83" s="162"/>
      <c r="G83" s="484"/>
      <c r="H83" s="225"/>
      <c r="I83" s="179"/>
      <c r="J83" s="208"/>
      <c r="K83" s="485"/>
      <c r="L83" s="168"/>
    </row>
    <row r="84" spans="2:18" ht="7.5" customHeight="1" x14ac:dyDescent="0.15">
      <c r="B84" s="186"/>
      <c r="C84" s="187"/>
      <c r="D84" s="187"/>
      <c r="E84" s="242"/>
      <c r="F84" s="189"/>
      <c r="G84" s="187"/>
      <c r="H84" s="187"/>
      <c r="I84" s="187"/>
      <c r="J84" s="535"/>
      <c r="K84" s="536"/>
    </row>
    <row r="85" spans="2:18" ht="14.25" customHeight="1" x14ac:dyDescent="0.15">
      <c r="B85" s="168"/>
      <c r="C85" s="663" t="s">
        <v>133</v>
      </c>
      <c r="D85" s="663"/>
      <c r="E85" s="235">
        <v>152</v>
      </c>
      <c r="F85" s="268">
        <v>105</v>
      </c>
      <c r="G85" s="486"/>
      <c r="H85" s="486"/>
      <c r="I85" s="268">
        <v>103</v>
      </c>
      <c r="J85" s="537">
        <v>0.68</v>
      </c>
      <c r="K85" s="534">
        <v>0.66</v>
      </c>
    </row>
    <row r="86" spans="2:18" ht="7.5" customHeight="1" x14ac:dyDescent="0.15">
      <c r="B86" s="172"/>
      <c r="C86" s="173"/>
      <c r="D86" s="173"/>
      <c r="E86" s="199"/>
      <c r="F86" s="200"/>
      <c r="G86" s="173"/>
      <c r="H86" s="173"/>
      <c r="I86" s="173"/>
      <c r="J86" s="538"/>
      <c r="K86" s="539"/>
      <c r="M86" s="177"/>
      <c r="N86" s="177"/>
      <c r="O86" s="177"/>
      <c r="P86" s="177"/>
      <c r="Q86" s="177"/>
      <c r="R86" s="177"/>
    </row>
    <row r="87" spans="2:18" ht="14.25" customHeight="1" x14ac:dyDescent="0.15">
      <c r="D87" s="161" t="s">
        <v>324</v>
      </c>
      <c r="E87" s="162"/>
      <c r="F87" s="162"/>
      <c r="J87" s="208"/>
      <c r="K87" s="209"/>
    </row>
    <row r="88" spans="2:18" ht="7.5" customHeight="1" x14ac:dyDescent="0.15">
      <c r="E88" s="162"/>
      <c r="F88" s="162"/>
      <c r="J88" s="208"/>
      <c r="K88" s="209"/>
    </row>
    <row r="89" spans="2:18" ht="14.25" customHeight="1" x14ac:dyDescent="0.15">
      <c r="B89" s="161" t="s">
        <v>325</v>
      </c>
      <c r="E89" s="162"/>
      <c r="F89" s="162"/>
      <c r="J89" s="208"/>
      <c r="K89" s="209"/>
    </row>
    <row r="90" spans="2:18" ht="7.5" customHeight="1" x14ac:dyDescent="0.15">
      <c r="B90" s="163"/>
      <c r="C90" s="164"/>
      <c r="D90" s="164"/>
      <c r="E90" s="210"/>
      <c r="F90" s="164"/>
      <c r="G90" s="211"/>
      <c r="H90" s="211"/>
      <c r="I90" s="211"/>
      <c r="J90" s="211"/>
      <c r="K90" s="212"/>
      <c r="L90" s="168"/>
    </row>
    <row r="91" spans="2:18" ht="14.25" customHeight="1" x14ac:dyDescent="0.15">
      <c r="B91" s="168"/>
      <c r="E91" s="18"/>
      <c r="F91" s="19" t="s">
        <v>7</v>
      </c>
      <c r="G91" s="20" t="s">
        <v>8</v>
      </c>
      <c r="H91" s="21"/>
      <c r="I91" s="22"/>
      <c r="J91" s="19" t="s">
        <v>9</v>
      </c>
      <c r="K91" s="642" t="s">
        <v>10</v>
      </c>
      <c r="L91" s="168"/>
    </row>
    <row r="92" spans="2:18" ht="14.25" customHeight="1" x14ac:dyDescent="0.15">
      <c r="B92" s="168"/>
      <c r="C92" s="161" t="s">
        <v>0</v>
      </c>
      <c r="D92" s="161" t="s">
        <v>164</v>
      </c>
      <c r="E92" s="26" t="s">
        <v>11</v>
      </c>
      <c r="F92" s="27" t="s">
        <v>12</v>
      </c>
      <c r="G92" s="28" t="s">
        <v>13</v>
      </c>
      <c r="H92" s="29"/>
      <c r="I92" s="30"/>
      <c r="J92" s="31" t="s">
        <v>14</v>
      </c>
      <c r="K92" s="667"/>
      <c r="L92" s="168"/>
    </row>
    <row r="93" spans="2:18" ht="14.25" customHeight="1" x14ac:dyDescent="0.15">
      <c r="B93" s="168"/>
      <c r="C93" s="171"/>
      <c r="D93" s="215"/>
      <c r="E93" s="26" t="s">
        <v>16</v>
      </c>
      <c r="F93" s="27"/>
      <c r="G93" s="29" t="s">
        <v>17</v>
      </c>
      <c r="H93" s="32"/>
      <c r="I93" s="30"/>
      <c r="J93" s="31" t="s">
        <v>18</v>
      </c>
      <c r="K93" s="667"/>
      <c r="L93" s="168"/>
    </row>
    <row r="94" spans="2:18" ht="7.5" customHeight="1" x14ac:dyDescent="0.15">
      <c r="B94" s="168"/>
      <c r="C94" s="216"/>
      <c r="D94" s="217"/>
      <c r="E94" s="37"/>
      <c r="F94" s="38"/>
      <c r="G94" s="39"/>
      <c r="H94" s="36"/>
      <c r="I94" s="40"/>
      <c r="J94" s="41"/>
      <c r="K94" s="42"/>
      <c r="L94" s="168"/>
    </row>
    <row r="95" spans="2:18" ht="7.5" customHeight="1" x14ac:dyDescent="0.15">
      <c r="B95" s="163"/>
      <c r="C95" s="171"/>
      <c r="D95" s="171"/>
      <c r="E95" s="219"/>
      <c r="G95" s="171"/>
      <c r="H95" s="171"/>
      <c r="I95" s="171"/>
      <c r="J95" s="171"/>
      <c r="K95" s="220"/>
      <c r="L95" s="168"/>
    </row>
    <row r="96" spans="2:18" ht="14.25" customHeight="1" x14ac:dyDescent="0.15">
      <c r="B96" s="168"/>
      <c r="C96" s="161" t="s">
        <v>321</v>
      </c>
      <c r="D96" s="161" t="s">
        <v>326</v>
      </c>
      <c r="E96" s="221">
        <v>38</v>
      </c>
      <c r="F96" s="179">
        <v>34</v>
      </c>
      <c r="G96" s="179"/>
      <c r="H96" s="179"/>
      <c r="I96" s="179">
        <v>34</v>
      </c>
      <c r="J96" s="208">
        <v>0.89</v>
      </c>
      <c r="K96" s="540">
        <v>0.84</v>
      </c>
      <c r="L96" s="168"/>
    </row>
    <row r="97" spans="2:12" ht="7.5" customHeight="1" x14ac:dyDescent="0.15">
      <c r="B97" s="172"/>
      <c r="C97" s="173"/>
      <c r="D97" s="173"/>
      <c r="E97" s="199"/>
      <c r="F97" s="200"/>
      <c r="G97" s="487"/>
      <c r="H97" s="488"/>
      <c r="I97" s="489"/>
      <c r="J97" s="248"/>
      <c r="K97" s="490"/>
      <c r="L97" s="168"/>
    </row>
    <row r="98" spans="2:12" ht="7.5" customHeight="1" x14ac:dyDescent="0.15">
      <c r="E98" s="162"/>
      <c r="F98" s="162"/>
      <c r="J98" s="208"/>
      <c r="K98" s="209"/>
    </row>
    <row r="99" spans="2:12" ht="14.25" customHeight="1" x14ac:dyDescent="0.15">
      <c r="B99" s="161" t="s">
        <v>327</v>
      </c>
      <c r="E99" s="162"/>
      <c r="F99" s="162"/>
      <c r="J99" s="208"/>
      <c r="K99" s="209"/>
    </row>
    <row r="100" spans="2:12" ht="7.5" customHeight="1" x14ac:dyDescent="0.15">
      <c r="B100" s="163"/>
      <c r="C100" s="164"/>
      <c r="D100" s="164"/>
      <c r="E100" s="210"/>
      <c r="F100" s="164"/>
      <c r="G100" s="211"/>
      <c r="H100" s="211"/>
      <c r="I100" s="211"/>
      <c r="J100" s="211"/>
      <c r="K100" s="212"/>
      <c r="L100" s="168"/>
    </row>
    <row r="101" spans="2:12" ht="14.25" customHeight="1" x14ac:dyDescent="0.15">
      <c r="B101" s="168"/>
      <c r="E101" s="18"/>
      <c r="F101" s="19" t="s">
        <v>7</v>
      </c>
      <c r="G101" s="20" t="s">
        <v>8</v>
      </c>
      <c r="H101" s="21"/>
      <c r="I101" s="22"/>
      <c r="J101" s="19" t="s">
        <v>9</v>
      </c>
      <c r="K101" s="642" t="s">
        <v>10</v>
      </c>
      <c r="L101" s="168"/>
    </row>
    <row r="102" spans="2:12" ht="14.25" customHeight="1" x14ac:dyDescent="0.15">
      <c r="B102" s="168"/>
      <c r="C102" s="161" t="s">
        <v>0</v>
      </c>
      <c r="D102" s="161" t="s">
        <v>164</v>
      </c>
      <c r="E102" s="26" t="s">
        <v>11</v>
      </c>
      <c r="F102" s="27" t="s">
        <v>12</v>
      </c>
      <c r="G102" s="28" t="s">
        <v>13</v>
      </c>
      <c r="H102" s="29"/>
      <c r="I102" s="30"/>
      <c r="J102" s="31" t="s">
        <v>14</v>
      </c>
      <c r="K102" s="667"/>
      <c r="L102" s="168"/>
    </row>
    <row r="103" spans="2:12" ht="14.25" customHeight="1" x14ac:dyDescent="0.15">
      <c r="B103" s="168"/>
      <c r="C103" s="171"/>
      <c r="D103" s="215"/>
      <c r="E103" s="26" t="s">
        <v>16</v>
      </c>
      <c r="F103" s="27"/>
      <c r="G103" s="29" t="s">
        <v>17</v>
      </c>
      <c r="H103" s="32"/>
      <c r="I103" s="30"/>
      <c r="J103" s="31" t="s">
        <v>18</v>
      </c>
      <c r="K103" s="667"/>
      <c r="L103" s="168"/>
    </row>
    <row r="104" spans="2:12" ht="7.5" customHeight="1" x14ac:dyDescent="0.15">
      <c r="B104" s="168"/>
      <c r="C104" s="216"/>
      <c r="D104" s="217"/>
      <c r="E104" s="37"/>
      <c r="F104" s="38"/>
      <c r="G104" s="39"/>
      <c r="H104" s="36"/>
      <c r="I104" s="40"/>
      <c r="J104" s="41"/>
      <c r="K104" s="42"/>
      <c r="L104" s="168"/>
    </row>
    <row r="105" spans="2:12" ht="7.5" customHeight="1" x14ac:dyDescent="0.15">
      <c r="B105" s="163"/>
      <c r="C105" s="171"/>
      <c r="D105" s="171"/>
      <c r="E105" s="219"/>
      <c r="G105" s="171"/>
      <c r="H105" s="171"/>
      <c r="I105" s="171"/>
      <c r="J105" s="171"/>
      <c r="K105" s="220"/>
      <c r="L105" s="168"/>
    </row>
    <row r="106" spans="2:12" ht="14.25" customHeight="1" x14ac:dyDescent="0.15">
      <c r="B106" s="168"/>
      <c r="C106" s="467" t="s">
        <v>328</v>
      </c>
      <c r="D106" s="161" t="s">
        <v>329</v>
      </c>
      <c r="E106" s="221">
        <v>158</v>
      </c>
      <c r="F106" s="179">
        <v>255</v>
      </c>
      <c r="G106" s="179"/>
      <c r="H106" s="179"/>
      <c r="I106" s="179">
        <v>242</v>
      </c>
      <c r="J106" s="208">
        <v>1.53</v>
      </c>
      <c r="K106" s="541">
        <v>1.51</v>
      </c>
      <c r="L106" s="168"/>
    </row>
    <row r="107" spans="2:12" ht="7.5" customHeight="1" x14ac:dyDescent="0.15">
      <c r="B107" s="172"/>
      <c r="C107" s="173"/>
      <c r="D107" s="173"/>
      <c r="E107" s="199"/>
      <c r="F107" s="542"/>
      <c r="G107" s="542"/>
      <c r="H107" s="542"/>
      <c r="I107" s="542"/>
      <c r="J107" s="248"/>
      <c r="K107" s="543"/>
      <c r="L107" s="168"/>
    </row>
    <row r="108" spans="2:12" ht="9" customHeight="1" x14ac:dyDescent="0.15">
      <c r="E108" s="162"/>
      <c r="F108" s="162"/>
      <c r="J108" s="208"/>
      <c r="K108" s="209"/>
    </row>
    <row r="109" spans="2:12" ht="14.25" customHeight="1" x14ac:dyDescent="0.15">
      <c r="B109" s="177" t="s">
        <v>330</v>
      </c>
      <c r="E109" s="162"/>
      <c r="F109" s="162"/>
      <c r="J109" s="208"/>
      <c r="K109" s="209"/>
    </row>
    <row r="110" spans="2:12" ht="7.5" customHeight="1" x14ac:dyDescent="0.15">
      <c r="B110" s="163"/>
      <c r="C110" s="164"/>
      <c r="D110" s="164"/>
      <c r="E110" s="210"/>
      <c r="F110" s="164"/>
      <c r="G110" s="211"/>
      <c r="H110" s="211"/>
      <c r="I110" s="211"/>
      <c r="J110" s="211"/>
      <c r="K110" s="212"/>
      <c r="L110" s="168"/>
    </row>
    <row r="111" spans="2:12" ht="14.25" customHeight="1" x14ac:dyDescent="0.15">
      <c r="B111" s="168"/>
      <c r="E111" s="18"/>
      <c r="F111" s="19" t="s">
        <v>7</v>
      </c>
      <c r="G111" s="20" t="s">
        <v>8</v>
      </c>
      <c r="H111" s="21"/>
      <c r="I111" s="22"/>
      <c r="J111" s="19" t="s">
        <v>9</v>
      </c>
      <c r="K111" s="642" t="s">
        <v>10</v>
      </c>
      <c r="L111" s="168"/>
    </row>
    <row r="112" spans="2:12" ht="14.25" customHeight="1" x14ac:dyDescent="0.15">
      <c r="B112" s="168"/>
      <c r="C112" s="161" t="s">
        <v>0</v>
      </c>
      <c r="D112" s="161" t="s">
        <v>164</v>
      </c>
      <c r="E112" s="26" t="s">
        <v>11</v>
      </c>
      <c r="F112" s="27" t="s">
        <v>12</v>
      </c>
      <c r="G112" s="28" t="s">
        <v>13</v>
      </c>
      <c r="H112" s="29"/>
      <c r="I112" s="30"/>
      <c r="J112" s="31" t="s">
        <v>14</v>
      </c>
      <c r="K112" s="667"/>
      <c r="L112" s="168"/>
    </row>
    <row r="113" spans="2:12" ht="14.25" customHeight="1" x14ac:dyDescent="0.15">
      <c r="B113" s="168"/>
      <c r="C113" s="171"/>
      <c r="D113" s="215"/>
      <c r="E113" s="26" t="s">
        <v>16</v>
      </c>
      <c r="F113" s="27"/>
      <c r="G113" s="29" t="s">
        <v>17</v>
      </c>
      <c r="H113" s="32"/>
      <c r="I113" s="30"/>
      <c r="J113" s="31" t="s">
        <v>18</v>
      </c>
      <c r="K113" s="667"/>
      <c r="L113" s="168"/>
    </row>
    <row r="114" spans="2:12" ht="7.5" customHeight="1" x14ac:dyDescent="0.15">
      <c r="B114" s="168"/>
      <c r="C114" s="216"/>
      <c r="D114" s="217"/>
      <c r="E114" s="37"/>
      <c r="F114" s="38"/>
      <c r="G114" s="39"/>
      <c r="H114" s="36"/>
      <c r="I114" s="40"/>
      <c r="J114" s="41"/>
      <c r="K114" s="42"/>
      <c r="L114" s="168"/>
    </row>
    <row r="115" spans="2:12" ht="7.5" customHeight="1" x14ac:dyDescent="0.15">
      <c r="B115" s="163"/>
      <c r="C115" s="171"/>
      <c r="D115" s="171"/>
      <c r="E115" s="219"/>
      <c r="G115" s="171"/>
      <c r="H115" s="171"/>
      <c r="I115" s="171"/>
      <c r="J115" s="171"/>
      <c r="K115" s="220"/>
      <c r="L115" s="168"/>
    </row>
    <row r="116" spans="2:12" ht="14.25" customHeight="1" x14ac:dyDescent="0.15">
      <c r="B116" s="168"/>
      <c r="C116" s="161" t="s">
        <v>331</v>
      </c>
      <c r="D116" s="177" t="s">
        <v>332</v>
      </c>
      <c r="E116" s="434">
        <v>78</v>
      </c>
      <c r="F116" s="179">
        <v>85</v>
      </c>
      <c r="G116" s="179"/>
      <c r="H116" s="179"/>
      <c r="I116" s="179">
        <v>85</v>
      </c>
      <c r="J116" s="208">
        <v>1.0900000000000001</v>
      </c>
      <c r="K116" s="541">
        <v>1.58</v>
      </c>
      <c r="L116" s="168"/>
    </row>
    <row r="117" spans="2:12" ht="7.5" customHeight="1" x14ac:dyDescent="0.15">
      <c r="B117" s="172"/>
      <c r="C117" s="173"/>
      <c r="D117" s="173"/>
      <c r="E117" s="199"/>
      <c r="F117" s="542"/>
      <c r="G117" s="542"/>
      <c r="H117" s="542"/>
      <c r="I117" s="542"/>
      <c r="J117" s="248"/>
      <c r="K117" s="543"/>
      <c r="L117" s="168"/>
    </row>
    <row r="118" spans="2:12" ht="9" customHeight="1" x14ac:dyDescent="0.15">
      <c r="E118" s="162"/>
      <c r="F118" s="162"/>
      <c r="J118" s="208"/>
      <c r="K118" s="209"/>
    </row>
    <row r="119" spans="2:12" ht="14.25" customHeight="1" x14ac:dyDescent="0.15">
      <c r="B119" s="177" t="s">
        <v>333</v>
      </c>
      <c r="E119" s="162"/>
      <c r="F119" s="162"/>
      <c r="J119" s="208"/>
      <c r="K119" s="209"/>
    </row>
    <row r="120" spans="2:12" ht="7.5" customHeight="1" x14ac:dyDescent="0.15">
      <c r="B120" s="163"/>
      <c r="C120" s="164"/>
      <c r="D120" s="164"/>
      <c r="E120" s="210"/>
      <c r="F120" s="164"/>
      <c r="G120" s="211"/>
      <c r="H120" s="211"/>
      <c r="I120" s="211"/>
      <c r="J120" s="211"/>
      <c r="K120" s="212"/>
      <c r="L120" s="168"/>
    </row>
    <row r="121" spans="2:12" ht="14.25" customHeight="1" x14ac:dyDescent="0.15">
      <c r="B121" s="168"/>
      <c r="E121" s="18"/>
      <c r="F121" s="19" t="s">
        <v>7</v>
      </c>
      <c r="G121" s="20" t="s">
        <v>8</v>
      </c>
      <c r="H121" s="21"/>
      <c r="I121" s="22"/>
      <c r="J121" s="19" t="s">
        <v>9</v>
      </c>
      <c r="K121" s="642" t="s">
        <v>10</v>
      </c>
      <c r="L121" s="168"/>
    </row>
    <row r="122" spans="2:12" ht="14.25" customHeight="1" x14ac:dyDescent="0.15">
      <c r="B122" s="168"/>
      <c r="C122" s="161" t="s">
        <v>0</v>
      </c>
      <c r="D122" s="161" t="s">
        <v>164</v>
      </c>
      <c r="E122" s="26" t="s">
        <v>11</v>
      </c>
      <c r="F122" s="27" t="s">
        <v>12</v>
      </c>
      <c r="G122" s="28" t="s">
        <v>13</v>
      </c>
      <c r="H122" s="29"/>
      <c r="I122" s="30"/>
      <c r="J122" s="31" t="s">
        <v>14</v>
      </c>
      <c r="K122" s="667"/>
      <c r="L122" s="168"/>
    </row>
    <row r="123" spans="2:12" ht="14.25" customHeight="1" x14ac:dyDescent="0.15">
      <c r="B123" s="168"/>
      <c r="C123" s="171"/>
      <c r="D123" s="215"/>
      <c r="E123" s="26" t="s">
        <v>16</v>
      </c>
      <c r="F123" s="27"/>
      <c r="G123" s="29" t="s">
        <v>17</v>
      </c>
      <c r="H123" s="32"/>
      <c r="I123" s="30"/>
      <c r="J123" s="31" t="s">
        <v>18</v>
      </c>
      <c r="K123" s="667"/>
      <c r="L123" s="168"/>
    </row>
    <row r="124" spans="2:12" ht="7.5" customHeight="1" x14ac:dyDescent="0.15">
      <c r="B124" s="168"/>
      <c r="C124" s="216"/>
      <c r="D124" s="217"/>
      <c r="E124" s="37"/>
      <c r="F124" s="38"/>
      <c r="G124" s="39"/>
      <c r="H124" s="36"/>
      <c r="I124" s="40"/>
      <c r="J124" s="41"/>
      <c r="K124" s="42"/>
      <c r="L124" s="168"/>
    </row>
    <row r="125" spans="2:12" ht="7.5" customHeight="1" x14ac:dyDescent="0.15">
      <c r="B125" s="163"/>
      <c r="C125" s="171"/>
      <c r="D125" s="171"/>
      <c r="E125" s="219"/>
      <c r="G125" s="171"/>
      <c r="H125" s="171"/>
      <c r="I125" s="171"/>
      <c r="J125" s="171"/>
      <c r="K125" s="220"/>
      <c r="L125" s="168"/>
    </row>
    <row r="126" spans="2:12" ht="14.25" customHeight="1" x14ac:dyDescent="0.15">
      <c r="B126" s="168"/>
      <c r="C126" s="161" t="s">
        <v>331</v>
      </c>
      <c r="D126" s="177" t="s">
        <v>334</v>
      </c>
      <c r="E126" s="221">
        <v>38</v>
      </c>
      <c r="F126" s="179">
        <v>45</v>
      </c>
      <c r="G126" s="179"/>
      <c r="H126" s="179"/>
      <c r="I126" s="179">
        <v>43</v>
      </c>
      <c r="J126" s="208">
        <v>1.1299999999999999</v>
      </c>
      <c r="K126" s="545">
        <v>1.31</v>
      </c>
      <c r="L126" s="168"/>
    </row>
    <row r="127" spans="2:12" ht="7.5" customHeight="1" x14ac:dyDescent="0.15">
      <c r="B127" s="172"/>
      <c r="C127" s="173"/>
      <c r="D127" s="173"/>
      <c r="E127" s="199"/>
      <c r="F127" s="200"/>
      <c r="G127" s="487"/>
      <c r="H127" s="488"/>
      <c r="I127" s="489"/>
      <c r="J127" s="248"/>
      <c r="K127" s="490"/>
      <c r="L127" s="168"/>
    </row>
    <row r="128" spans="2:12" ht="12.95" customHeight="1" x14ac:dyDescent="0.15">
      <c r="B128" s="546"/>
      <c r="E128" s="162"/>
      <c r="F128" s="162"/>
      <c r="J128" s="208"/>
      <c r="K128" s="209"/>
    </row>
    <row r="129" spans="2:12" ht="14.25" customHeight="1" x14ac:dyDescent="0.15">
      <c r="E129" s="162"/>
      <c r="F129" s="162"/>
      <c r="J129" s="208"/>
      <c r="K129" s="209"/>
    </row>
    <row r="130" spans="2:12" ht="23.25" customHeight="1" x14ac:dyDescent="0.15">
      <c r="B130" s="547" t="s">
        <v>335</v>
      </c>
      <c r="E130" s="162"/>
      <c r="F130" s="162"/>
      <c r="J130" s="208"/>
      <c r="K130" s="209"/>
    </row>
    <row r="131" spans="2:12" ht="7.5" customHeight="1" x14ac:dyDescent="0.15">
      <c r="B131" s="163"/>
      <c r="C131" s="164"/>
      <c r="D131" s="164"/>
      <c r="E131" s="210"/>
      <c r="F131" s="164"/>
      <c r="G131" s="211"/>
      <c r="H131" s="211"/>
      <c r="I131" s="211"/>
      <c r="J131" s="211"/>
      <c r="K131" s="212"/>
      <c r="L131" s="168"/>
    </row>
    <row r="132" spans="2:12" ht="14.25" customHeight="1" x14ac:dyDescent="0.15">
      <c r="B132" s="168"/>
      <c r="E132" s="18"/>
      <c r="F132" s="19" t="s">
        <v>7</v>
      </c>
      <c r="G132" s="20" t="s">
        <v>8</v>
      </c>
      <c r="H132" s="21"/>
      <c r="I132" s="22"/>
      <c r="J132" s="19" t="s">
        <v>9</v>
      </c>
      <c r="K132" s="642" t="s">
        <v>10</v>
      </c>
      <c r="L132" s="168"/>
    </row>
    <row r="133" spans="2:12" ht="14.25" customHeight="1" x14ac:dyDescent="0.15">
      <c r="B133" s="168"/>
      <c r="C133" s="161" t="s">
        <v>0</v>
      </c>
      <c r="D133" s="161" t="s">
        <v>164</v>
      </c>
      <c r="E133" s="26" t="s">
        <v>11</v>
      </c>
      <c r="F133" s="27" t="s">
        <v>12</v>
      </c>
      <c r="G133" s="28" t="s">
        <v>13</v>
      </c>
      <c r="H133" s="29"/>
      <c r="I133" s="30"/>
      <c r="J133" s="31" t="s">
        <v>14</v>
      </c>
      <c r="K133" s="667"/>
      <c r="L133" s="168"/>
    </row>
    <row r="134" spans="2:12" ht="14.25" customHeight="1" x14ac:dyDescent="0.15">
      <c r="B134" s="168"/>
      <c r="C134" s="171"/>
      <c r="D134" s="215"/>
      <c r="E134" s="26" t="s">
        <v>16</v>
      </c>
      <c r="F134" s="27"/>
      <c r="G134" s="29" t="s">
        <v>17</v>
      </c>
      <c r="H134" s="32"/>
      <c r="I134" s="30"/>
      <c r="J134" s="31" t="s">
        <v>18</v>
      </c>
      <c r="K134" s="667"/>
      <c r="L134" s="168"/>
    </row>
    <row r="135" spans="2:12" ht="7.5" customHeight="1" x14ac:dyDescent="0.15">
      <c r="B135" s="168"/>
      <c r="C135" s="216"/>
      <c r="D135" s="217"/>
      <c r="E135" s="37"/>
      <c r="F135" s="38"/>
      <c r="G135" s="39"/>
      <c r="H135" s="36"/>
      <c r="I135" s="40"/>
      <c r="J135" s="41"/>
      <c r="K135" s="42"/>
      <c r="L135" s="168"/>
    </row>
    <row r="136" spans="2:12" ht="7.5" customHeight="1" x14ac:dyDescent="0.15">
      <c r="B136" s="163"/>
      <c r="C136" s="171"/>
      <c r="D136" s="171"/>
      <c r="E136" s="219"/>
      <c r="G136" s="171"/>
      <c r="H136" s="171"/>
      <c r="I136" s="171"/>
      <c r="J136" s="171"/>
      <c r="K136" s="220"/>
      <c r="L136" s="168"/>
    </row>
    <row r="137" spans="2:12" ht="14.25" customHeight="1" x14ac:dyDescent="0.15">
      <c r="B137" s="168"/>
      <c r="C137" s="161" t="s">
        <v>331</v>
      </c>
      <c r="D137" s="177" t="s">
        <v>336</v>
      </c>
      <c r="E137" s="221">
        <v>38</v>
      </c>
      <c r="F137" s="179">
        <v>55</v>
      </c>
      <c r="G137" s="179"/>
      <c r="H137" s="179"/>
      <c r="I137" s="179">
        <v>55</v>
      </c>
      <c r="J137" s="208">
        <v>1.45</v>
      </c>
      <c r="K137" s="545">
        <v>1.56</v>
      </c>
      <c r="L137" s="168"/>
    </row>
    <row r="138" spans="2:12" ht="7.5" customHeight="1" x14ac:dyDescent="0.15">
      <c r="B138" s="172"/>
      <c r="C138" s="173"/>
      <c r="D138" s="173"/>
      <c r="E138" s="199"/>
      <c r="F138" s="200"/>
      <c r="G138" s="487"/>
      <c r="H138" s="488"/>
      <c r="I138" s="489"/>
      <c r="J138" s="248"/>
      <c r="K138" s="490"/>
      <c r="L138" s="168"/>
    </row>
    <row r="139" spans="2:12" ht="12.95" customHeight="1" x14ac:dyDescent="0.15">
      <c r="B139" s="546"/>
      <c r="E139" s="162"/>
      <c r="F139" s="162"/>
      <c r="G139" s="484"/>
      <c r="H139" s="225"/>
      <c r="I139" s="179"/>
      <c r="J139" s="208"/>
      <c r="K139" s="209"/>
    </row>
    <row r="140" spans="2:12" ht="14.25" customHeight="1" x14ac:dyDescent="0.15">
      <c r="E140" s="162"/>
      <c r="F140" s="162"/>
      <c r="J140" s="208"/>
      <c r="K140" s="209"/>
    </row>
    <row r="141" spans="2:12" ht="14.25" customHeight="1" x14ac:dyDescent="0.15">
      <c r="B141" s="161" t="s">
        <v>337</v>
      </c>
      <c r="E141" s="162"/>
      <c r="F141" s="162"/>
      <c r="J141" s="208"/>
      <c r="K141" s="209"/>
    </row>
    <row r="142" spans="2:12" ht="7.5" customHeight="1" x14ac:dyDescent="0.15">
      <c r="B142" s="163"/>
      <c r="C142" s="164"/>
      <c r="D142" s="164"/>
      <c r="E142" s="210"/>
      <c r="F142" s="164"/>
      <c r="G142" s="211"/>
      <c r="H142" s="211"/>
      <c r="I142" s="211"/>
      <c r="J142" s="211"/>
      <c r="K142" s="212"/>
      <c r="L142" s="168"/>
    </row>
    <row r="143" spans="2:12" ht="14.25" customHeight="1" x14ac:dyDescent="0.15">
      <c r="B143" s="168"/>
      <c r="E143" s="18"/>
      <c r="F143" s="19" t="s">
        <v>7</v>
      </c>
      <c r="G143" s="20" t="s">
        <v>8</v>
      </c>
      <c r="H143" s="21"/>
      <c r="I143" s="22"/>
      <c r="J143" s="19" t="s">
        <v>9</v>
      </c>
      <c r="K143" s="642" t="s">
        <v>10</v>
      </c>
      <c r="L143" s="168"/>
    </row>
    <row r="144" spans="2:12" ht="14.25" customHeight="1" x14ac:dyDescent="0.15">
      <c r="B144" s="168"/>
      <c r="C144" s="161" t="s">
        <v>0</v>
      </c>
      <c r="D144" s="161" t="s">
        <v>286</v>
      </c>
      <c r="E144" s="26" t="s">
        <v>11</v>
      </c>
      <c r="F144" s="27" t="s">
        <v>12</v>
      </c>
      <c r="G144" s="28" t="s">
        <v>13</v>
      </c>
      <c r="H144" s="29"/>
      <c r="I144" s="30"/>
      <c r="J144" s="31" t="s">
        <v>14</v>
      </c>
      <c r="K144" s="667"/>
      <c r="L144" s="168"/>
    </row>
    <row r="145" spans="2:12" ht="14.25" customHeight="1" x14ac:dyDescent="0.15">
      <c r="B145" s="168"/>
      <c r="C145" s="171"/>
      <c r="D145" s="215"/>
      <c r="E145" s="26" t="s">
        <v>16</v>
      </c>
      <c r="F145" s="27"/>
      <c r="G145" s="29" t="s">
        <v>17</v>
      </c>
      <c r="H145" s="32"/>
      <c r="I145" s="30"/>
      <c r="J145" s="31" t="s">
        <v>18</v>
      </c>
      <c r="K145" s="667"/>
      <c r="L145" s="168"/>
    </row>
    <row r="146" spans="2:12" ht="7.5" customHeight="1" x14ac:dyDescent="0.15">
      <c r="B146" s="168"/>
      <c r="C146" s="216"/>
      <c r="D146" s="217"/>
      <c r="E146" s="37"/>
      <c r="F146" s="38"/>
      <c r="G146" s="39"/>
      <c r="H146" s="36"/>
      <c r="I146" s="40"/>
      <c r="J146" s="41"/>
      <c r="K146" s="42"/>
      <c r="L146" s="168"/>
    </row>
    <row r="147" spans="2:12" ht="7.5" customHeight="1" x14ac:dyDescent="0.15">
      <c r="B147" s="163"/>
      <c r="C147" s="171"/>
      <c r="D147" s="171"/>
      <c r="E147" s="219"/>
      <c r="G147" s="171"/>
      <c r="H147" s="171"/>
      <c r="I147" s="171"/>
      <c r="J147" s="171"/>
      <c r="K147" s="220"/>
      <c r="L147" s="168"/>
    </row>
    <row r="148" spans="2:12" ht="17.25" customHeight="1" x14ac:dyDescent="0.15">
      <c r="B148" s="168"/>
      <c r="C148" s="177" t="s">
        <v>338</v>
      </c>
      <c r="D148" s="161" t="s">
        <v>339</v>
      </c>
      <c r="E148" s="434">
        <v>139</v>
      </c>
      <c r="F148" s="179">
        <v>168</v>
      </c>
      <c r="G148" s="179"/>
      <c r="H148" s="179"/>
      <c r="I148" s="179">
        <v>161</v>
      </c>
      <c r="J148" s="208">
        <v>1.1599999999999999</v>
      </c>
      <c r="K148" s="181">
        <v>1.46</v>
      </c>
      <c r="L148" s="168"/>
    </row>
    <row r="149" spans="2:12" ht="24.75" customHeight="1" x14ac:dyDescent="0.15">
      <c r="B149" s="168"/>
      <c r="C149" s="548" t="s">
        <v>170</v>
      </c>
      <c r="D149" s="549" t="s">
        <v>340</v>
      </c>
      <c r="E149" s="550">
        <v>20</v>
      </c>
      <c r="F149" s="551">
        <v>22</v>
      </c>
      <c r="G149" s="551"/>
      <c r="H149" s="551"/>
      <c r="I149" s="551">
        <v>20</v>
      </c>
      <c r="J149" s="552">
        <v>1</v>
      </c>
      <c r="K149" s="553">
        <v>1.2</v>
      </c>
      <c r="L149" s="168"/>
    </row>
    <row r="150" spans="2:12" ht="15" customHeight="1" x14ac:dyDescent="0.15">
      <c r="B150" s="168"/>
      <c r="C150" s="177"/>
      <c r="D150" s="554" t="s">
        <v>152</v>
      </c>
      <c r="E150" s="436">
        <v>159</v>
      </c>
      <c r="F150" s="268">
        <v>190</v>
      </c>
      <c r="G150" s="240"/>
      <c r="H150" s="240"/>
      <c r="I150" s="268">
        <v>181</v>
      </c>
      <c r="J150" s="237">
        <v>1.1399999999999999</v>
      </c>
      <c r="K150" s="197">
        <v>1.43</v>
      </c>
      <c r="L150" s="168"/>
    </row>
    <row r="151" spans="2:12" ht="7.5" customHeight="1" x14ac:dyDescent="0.15">
      <c r="B151" s="172"/>
      <c r="C151" s="173"/>
      <c r="D151" s="173"/>
      <c r="E151" s="199"/>
      <c r="F151" s="200"/>
      <c r="G151" s="487"/>
      <c r="H151" s="488"/>
      <c r="I151" s="489"/>
      <c r="J151" s="248"/>
      <c r="K151" s="490"/>
      <c r="L151" s="168"/>
    </row>
    <row r="152" spans="2:12" s="177" customFormat="1" ht="13.5" customHeight="1" x14ac:dyDescent="0.15">
      <c r="B152" s="672" t="s">
        <v>341</v>
      </c>
      <c r="C152" s="672"/>
      <c r="D152" s="672"/>
      <c r="E152" s="672"/>
      <c r="F152" s="672"/>
      <c r="G152" s="672"/>
      <c r="H152" s="672"/>
      <c r="I152" s="672"/>
      <c r="J152" s="672"/>
      <c r="K152" s="672"/>
    </row>
    <row r="153" spans="2:12" ht="16.5" customHeight="1" x14ac:dyDescent="0.15">
      <c r="E153" s="162"/>
      <c r="F153" s="162"/>
      <c r="J153" s="208"/>
      <c r="K153" s="209"/>
    </row>
    <row r="154" spans="2:12" ht="14.25" customHeight="1" x14ac:dyDescent="0.15">
      <c r="B154" s="161" t="s">
        <v>342</v>
      </c>
      <c r="E154" s="162"/>
      <c r="F154" s="162"/>
      <c r="J154" s="208"/>
      <c r="K154" s="209"/>
    </row>
    <row r="155" spans="2:12" ht="7.5" customHeight="1" x14ac:dyDescent="0.15">
      <c r="B155" s="163"/>
      <c r="C155" s="164"/>
      <c r="D155" s="164"/>
      <c r="E155" s="210"/>
      <c r="F155" s="164"/>
      <c r="G155" s="211"/>
      <c r="H155" s="211"/>
      <c r="I155" s="211"/>
      <c r="J155" s="211"/>
      <c r="K155" s="212"/>
      <c r="L155" s="168"/>
    </row>
    <row r="156" spans="2:12" ht="14.25" customHeight="1" x14ac:dyDescent="0.15">
      <c r="B156" s="168"/>
      <c r="E156" s="18"/>
      <c r="F156" s="19" t="s">
        <v>7</v>
      </c>
      <c r="G156" s="20" t="s">
        <v>8</v>
      </c>
      <c r="H156" s="21"/>
      <c r="I156" s="22"/>
      <c r="J156" s="19" t="s">
        <v>9</v>
      </c>
      <c r="K156" s="642" t="s">
        <v>10</v>
      </c>
      <c r="L156" s="168"/>
    </row>
    <row r="157" spans="2:12" ht="14.25" customHeight="1" x14ac:dyDescent="0.15">
      <c r="B157" s="168"/>
      <c r="C157" s="161" t="s">
        <v>0</v>
      </c>
      <c r="D157" s="161" t="s">
        <v>164</v>
      </c>
      <c r="E157" s="26" t="s">
        <v>11</v>
      </c>
      <c r="F157" s="27" t="s">
        <v>12</v>
      </c>
      <c r="G157" s="28" t="s">
        <v>13</v>
      </c>
      <c r="H157" s="29"/>
      <c r="I157" s="30"/>
      <c r="J157" s="31" t="s">
        <v>14</v>
      </c>
      <c r="K157" s="667"/>
      <c r="L157" s="168"/>
    </row>
    <row r="158" spans="2:12" ht="14.25" customHeight="1" x14ac:dyDescent="0.15">
      <c r="B158" s="168"/>
      <c r="C158" s="171"/>
      <c r="D158" s="215"/>
      <c r="E158" s="26" t="s">
        <v>16</v>
      </c>
      <c r="F158" s="27"/>
      <c r="G158" s="29" t="s">
        <v>17</v>
      </c>
      <c r="H158" s="32"/>
      <c r="I158" s="30"/>
      <c r="J158" s="31" t="s">
        <v>18</v>
      </c>
      <c r="K158" s="667"/>
      <c r="L158" s="168"/>
    </row>
    <row r="159" spans="2:12" ht="7.5" customHeight="1" x14ac:dyDescent="0.15">
      <c r="B159" s="168"/>
      <c r="C159" s="216"/>
      <c r="D159" s="217"/>
      <c r="E159" s="37"/>
      <c r="F159" s="38"/>
      <c r="G159" s="39"/>
      <c r="H159" s="36"/>
      <c r="I159" s="40"/>
      <c r="J159" s="41"/>
      <c r="K159" s="42"/>
      <c r="L159" s="168"/>
    </row>
    <row r="160" spans="2:12" ht="7.5" customHeight="1" x14ac:dyDescent="0.15">
      <c r="B160" s="163"/>
      <c r="C160" s="171"/>
      <c r="D160" s="171"/>
      <c r="E160" s="219"/>
      <c r="G160" s="171"/>
      <c r="H160" s="171"/>
      <c r="I160" s="171"/>
      <c r="J160" s="171"/>
      <c r="K160" s="220"/>
      <c r="L160" s="168"/>
    </row>
    <row r="161" spans="2:12" ht="17.25" customHeight="1" x14ac:dyDescent="0.15">
      <c r="B161" s="168"/>
      <c r="C161" s="161" t="s">
        <v>343</v>
      </c>
      <c r="D161" s="161" t="s">
        <v>344</v>
      </c>
      <c r="E161" s="434">
        <v>238</v>
      </c>
      <c r="F161" s="179">
        <v>218</v>
      </c>
      <c r="G161" s="179"/>
      <c r="H161" s="179"/>
      <c r="I161" s="179">
        <v>216</v>
      </c>
      <c r="J161" s="208">
        <v>0.91</v>
      </c>
      <c r="K161" s="555">
        <v>1.08</v>
      </c>
      <c r="L161" s="168"/>
    </row>
    <row r="162" spans="2:12" ht="7.5" customHeight="1" x14ac:dyDescent="0.15">
      <c r="B162" s="172"/>
      <c r="C162" s="173"/>
      <c r="D162" s="173"/>
      <c r="E162" s="199"/>
      <c r="F162" s="200"/>
      <c r="G162" s="487"/>
      <c r="H162" s="488"/>
      <c r="I162" s="489"/>
      <c r="J162" s="248"/>
      <c r="K162" s="490"/>
      <c r="L162" s="168"/>
    </row>
    <row r="163" spans="2:12" ht="24.95" customHeight="1" x14ac:dyDescent="0.15"/>
    <row r="164" spans="2:12" ht="14.25" customHeight="1" x14ac:dyDescent="0.15">
      <c r="B164" s="161" t="s">
        <v>345</v>
      </c>
      <c r="E164" s="162"/>
      <c r="F164" s="162"/>
      <c r="J164" s="208"/>
      <c r="K164" s="209"/>
    </row>
    <row r="165" spans="2:12" ht="7.5" customHeight="1" x14ac:dyDescent="0.15">
      <c r="B165" s="163"/>
      <c r="C165" s="164"/>
      <c r="D165" s="164"/>
      <c r="E165" s="210"/>
      <c r="F165" s="164"/>
      <c r="G165" s="211"/>
      <c r="H165" s="211"/>
      <c r="I165" s="211"/>
      <c r="J165" s="211"/>
      <c r="K165" s="212"/>
      <c r="L165" s="168"/>
    </row>
    <row r="166" spans="2:12" ht="14.25" customHeight="1" x14ac:dyDescent="0.15">
      <c r="B166" s="168"/>
      <c r="E166" s="18"/>
      <c r="F166" s="19" t="s">
        <v>7</v>
      </c>
      <c r="G166" s="20" t="s">
        <v>8</v>
      </c>
      <c r="H166" s="21"/>
      <c r="I166" s="22"/>
      <c r="J166" s="19" t="s">
        <v>9</v>
      </c>
      <c r="K166" s="642" t="s">
        <v>10</v>
      </c>
      <c r="L166" s="168"/>
    </row>
    <row r="167" spans="2:12" ht="14.25" customHeight="1" x14ac:dyDescent="0.15">
      <c r="B167" s="168"/>
      <c r="C167" s="161" t="s">
        <v>0</v>
      </c>
      <c r="D167" s="161" t="s">
        <v>164</v>
      </c>
      <c r="E167" s="26" t="s">
        <v>11</v>
      </c>
      <c r="F167" s="27" t="s">
        <v>12</v>
      </c>
      <c r="G167" s="28" t="s">
        <v>13</v>
      </c>
      <c r="H167" s="29"/>
      <c r="I167" s="30"/>
      <c r="J167" s="31" t="s">
        <v>14</v>
      </c>
      <c r="K167" s="667"/>
      <c r="L167" s="168"/>
    </row>
    <row r="168" spans="2:12" ht="14.25" customHeight="1" x14ac:dyDescent="0.15">
      <c r="B168" s="168"/>
      <c r="C168" s="171"/>
      <c r="D168" s="215"/>
      <c r="E168" s="26" t="s">
        <v>16</v>
      </c>
      <c r="F168" s="27"/>
      <c r="G168" s="29" t="s">
        <v>17</v>
      </c>
      <c r="H168" s="32"/>
      <c r="I168" s="30"/>
      <c r="J168" s="31" t="s">
        <v>18</v>
      </c>
      <c r="K168" s="667"/>
      <c r="L168" s="168"/>
    </row>
    <row r="169" spans="2:12" ht="7.5" customHeight="1" x14ac:dyDescent="0.15">
      <c r="B169" s="168"/>
      <c r="C169" s="216"/>
      <c r="D169" s="217"/>
      <c r="E169" s="37"/>
      <c r="F169" s="38"/>
      <c r="G169" s="39"/>
      <c r="H169" s="36"/>
      <c r="I169" s="40"/>
      <c r="J169" s="41"/>
      <c r="K169" s="42"/>
      <c r="L169" s="168"/>
    </row>
    <row r="170" spans="2:12" ht="7.5" customHeight="1" x14ac:dyDescent="0.15">
      <c r="B170" s="163"/>
      <c r="C170" s="171"/>
      <c r="D170" s="171"/>
      <c r="E170" s="219"/>
      <c r="G170" s="171"/>
      <c r="H170" s="171"/>
      <c r="I170" s="171"/>
      <c r="J170" s="171"/>
      <c r="K170" s="220"/>
      <c r="L170" s="168"/>
    </row>
    <row r="171" spans="2:12" ht="17.25" customHeight="1" x14ac:dyDescent="0.15">
      <c r="B171" s="168"/>
      <c r="C171" s="161" t="s">
        <v>146</v>
      </c>
      <c r="D171" s="161" t="s">
        <v>346</v>
      </c>
      <c r="E171" s="221">
        <v>30</v>
      </c>
      <c r="F171" s="179">
        <v>37</v>
      </c>
      <c r="G171" s="179"/>
      <c r="H171" s="179"/>
      <c r="I171" s="179">
        <v>37</v>
      </c>
      <c r="J171" s="208">
        <v>1.23</v>
      </c>
      <c r="K171" s="555">
        <v>1.9</v>
      </c>
      <c r="L171" s="168"/>
    </row>
    <row r="172" spans="2:12" ht="7.5" customHeight="1" x14ac:dyDescent="0.15">
      <c r="B172" s="172"/>
      <c r="C172" s="173"/>
      <c r="D172" s="173"/>
      <c r="E172" s="199"/>
      <c r="F172" s="200"/>
      <c r="G172" s="487"/>
      <c r="H172" s="488"/>
      <c r="I172" s="489"/>
      <c r="J172" s="248"/>
      <c r="K172" s="490"/>
      <c r="L172" s="168"/>
    </row>
    <row r="175" spans="2:12" ht="14.25" x14ac:dyDescent="0.15">
      <c r="B175" s="556" t="s">
        <v>347</v>
      </c>
      <c r="C175" s="556"/>
      <c r="D175" s="147"/>
      <c r="E175" s="3"/>
      <c r="F175" s="557"/>
      <c r="G175" s="557"/>
      <c r="H175" s="557"/>
      <c r="I175" s="147"/>
    </row>
    <row r="176" spans="2:12" ht="14.25" x14ac:dyDescent="0.15">
      <c r="B176" s="558"/>
      <c r="C176" s="558"/>
      <c r="D176" s="147"/>
      <c r="E176" s="3"/>
      <c r="F176" s="557"/>
      <c r="G176" s="557"/>
      <c r="H176" s="557"/>
      <c r="I176" s="147"/>
    </row>
    <row r="177" spans="2:11" ht="7.5" customHeight="1" x14ac:dyDescent="0.15">
      <c r="B177" s="559"/>
      <c r="C177" s="560"/>
      <c r="D177" s="561"/>
      <c r="E177" s="13"/>
      <c r="F177" s="561"/>
      <c r="G177" s="561"/>
      <c r="H177" s="561"/>
      <c r="I177" s="561"/>
      <c r="J177" s="164"/>
      <c r="K177" s="212"/>
    </row>
    <row r="178" spans="2:11" x14ac:dyDescent="0.15">
      <c r="B178" s="562"/>
      <c r="C178" s="9"/>
      <c r="D178" s="147"/>
      <c r="E178" s="18"/>
      <c r="F178" s="19" t="s">
        <v>7</v>
      </c>
      <c r="G178" s="169"/>
      <c r="H178" s="170"/>
      <c r="I178" s="22"/>
      <c r="J178" s="19"/>
      <c r="K178" s="642" t="s">
        <v>10</v>
      </c>
    </row>
    <row r="179" spans="2:11" x14ac:dyDescent="0.15">
      <c r="B179" s="562"/>
      <c r="C179" s="177" t="s">
        <v>0</v>
      </c>
      <c r="D179" s="177" t="s">
        <v>164</v>
      </c>
      <c r="E179" s="26" t="s">
        <v>11</v>
      </c>
      <c r="F179" s="27" t="s">
        <v>12</v>
      </c>
      <c r="G179" s="28" t="s">
        <v>13</v>
      </c>
      <c r="H179" s="29"/>
      <c r="I179" s="30"/>
      <c r="J179" s="31" t="s">
        <v>249</v>
      </c>
      <c r="K179" s="667"/>
    </row>
    <row r="180" spans="2:11" x14ac:dyDescent="0.15">
      <c r="B180" s="562"/>
      <c r="C180" s="9"/>
      <c r="D180" s="9"/>
      <c r="E180" s="26" t="s">
        <v>348</v>
      </c>
      <c r="F180" s="27"/>
      <c r="G180" s="29" t="s">
        <v>349</v>
      </c>
      <c r="H180" s="32"/>
      <c r="I180" s="30"/>
      <c r="J180" s="31" t="s">
        <v>350</v>
      </c>
      <c r="K180" s="667"/>
    </row>
    <row r="181" spans="2:11" ht="7.5" customHeight="1" x14ac:dyDescent="0.15">
      <c r="B181" s="562"/>
      <c r="C181" s="563"/>
      <c r="D181" s="564"/>
      <c r="E181" s="37"/>
      <c r="F181" s="38"/>
      <c r="G181" s="39"/>
      <c r="H181" s="36"/>
      <c r="I181" s="40"/>
      <c r="J181" s="41"/>
      <c r="K181" s="42"/>
    </row>
    <row r="182" spans="2:11" ht="7.5" customHeight="1" x14ac:dyDescent="0.15">
      <c r="B182" s="559"/>
      <c r="C182" s="565"/>
      <c r="D182" s="9"/>
      <c r="E182" s="44"/>
      <c r="F182" s="561"/>
      <c r="G182" s="561"/>
      <c r="H182" s="561"/>
      <c r="I182" s="561"/>
      <c r="J182" s="566"/>
      <c r="K182" s="220"/>
    </row>
    <row r="183" spans="2:11" ht="16.5" customHeight="1" x14ac:dyDescent="0.15">
      <c r="B183" s="562"/>
      <c r="C183" s="567" t="s">
        <v>40</v>
      </c>
      <c r="D183" s="567" t="s">
        <v>291</v>
      </c>
      <c r="E183" s="568"/>
      <c r="F183" s="569"/>
      <c r="G183" s="570"/>
      <c r="H183" s="571"/>
      <c r="I183" s="572"/>
      <c r="J183" s="180"/>
      <c r="K183" s="273"/>
    </row>
    <row r="184" spans="2:11" ht="16.5" customHeight="1" x14ac:dyDescent="0.15">
      <c r="B184" s="562"/>
      <c r="C184" s="567" t="s">
        <v>351</v>
      </c>
      <c r="D184" s="567" t="s">
        <v>291</v>
      </c>
      <c r="E184" s="568"/>
      <c r="F184" s="569"/>
      <c r="G184" s="573"/>
      <c r="H184" s="573"/>
      <c r="I184" s="572"/>
      <c r="J184" s="180"/>
      <c r="K184" s="273"/>
    </row>
    <row r="185" spans="2:11" ht="7.5" customHeight="1" x14ac:dyDescent="0.15">
      <c r="B185" s="574"/>
      <c r="C185" s="575"/>
      <c r="D185" s="576"/>
      <c r="E185" s="577"/>
      <c r="F185" s="578"/>
      <c r="G185" s="576"/>
      <c r="H185" s="578"/>
      <c r="I185" s="579"/>
      <c r="J185" s="580"/>
      <c r="K185" s="581"/>
    </row>
    <row r="186" spans="2:11" ht="7.5" customHeight="1" x14ac:dyDescent="0.15">
      <c r="B186" s="582"/>
      <c r="C186" s="583"/>
      <c r="D186" s="567"/>
      <c r="E186" s="115"/>
      <c r="F186" s="584"/>
      <c r="G186" s="567"/>
      <c r="H186" s="584"/>
      <c r="I186" s="585"/>
      <c r="J186" s="178"/>
      <c r="K186" s="273"/>
    </row>
    <row r="187" spans="2:11" x14ac:dyDescent="0.15">
      <c r="B187" s="586"/>
      <c r="C187" s="670" t="s">
        <v>133</v>
      </c>
      <c r="D187" s="671"/>
      <c r="E187" s="193"/>
      <c r="F187" s="194"/>
      <c r="G187" s="195"/>
      <c r="H187" s="195"/>
      <c r="I187" s="194"/>
      <c r="J187" s="196"/>
      <c r="K187" s="274"/>
    </row>
    <row r="188" spans="2:11" ht="7.5" customHeight="1" x14ac:dyDescent="0.15">
      <c r="B188" s="587"/>
      <c r="C188" s="588"/>
      <c r="D188" s="589"/>
      <c r="E188" s="590"/>
      <c r="F188" s="591"/>
      <c r="G188" s="589"/>
      <c r="H188" s="591"/>
      <c r="I188" s="592"/>
      <c r="J188" s="593"/>
      <c r="K188" s="594"/>
    </row>
    <row r="189" spans="2:11" ht="4.5" customHeight="1" x14ac:dyDescent="0.15"/>
  </sheetData>
  <mergeCells count="21">
    <mergeCell ref="K166:K168"/>
    <mergeCell ref="K178:K180"/>
    <mergeCell ref="C187:D187"/>
    <mergeCell ref="K111:K113"/>
    <mergeCell ref="K121:K123"/>
    <mergeCell ref="K132:K134"/>
    <mergeCell ref="K143:K145"/>
    <mergeCell ref="B152:K152"/>
    <mergeCell ref="K156:K158"/>
    <mergeCell ref="K101:K103"/>
    <mergeCell ref="K5:K7"/>
    <mergeCell ref="C30:D30"/>
    <mergeCell ref="B32:K32"/>
    <mergeCell ref="K35:K37"/>
    <mergeCell ref="K45:K47"/>
    <mergeCell ref="C59:D59"/>
    <mergeCell ref="B61:K61"/>
    <mergeCell ref="K64:K66"/>
    <mergeCell ref="K73:K75"/>
    <mergeCell ref="C85:D85"/>
    <mergeCell ref="K91:K93"/>
  </mergeCells>
  <phoneticPr fontId="5"/>
  <conditionalFormatting sqref="L20 L25">
    <cfRule type="cellIs" dxfId="2" priority="2" stopIfTrue="1" operator="equal">
      <formula>"*"</formula>
    </cfRule>
  </conditionalFormatting>
  <conditionalFormatting sqref="P86">
    <cfRule type="cellIs" dxfId="1" priority="1" stopIfTrue="1" operator="equal">
      <formula>"警告!"</formula>
    </cfRule>
  </conditionalFormatting>
  <pageMargins left="0.78740157480314965" right="0.78740157480314965" top="0.59055118110236227" bottom="0.55118110236220474" header="0.74803149606299213" footer="0.39370078740157483"/>
  <pageSetup paperSize="9" scale="85" firstPageNumber="8" fitToHeight="0" orientation="portrait" useFirstPageNumber="1" r:id="rId1"/>
  <headerFooter alignWithMargins="0">
    <oddFooter>&amp;C&amp;"Century,標準"&amp;14&amp;P</oddFooter>
  </headerFooter>
  <rowBreaks count="2" manualBreakCount="2">
    <brk id="61" max="15" man="1"/>
    <brk id="129" max="15" man="1"/>
  </rowBreaks>
  <colBreaks count="1" manualBreakCount="1">
    <brk id="11" max="187"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97A397-345B-4575-B797-313A40A6F444}">
  <sheetPr>
    <pageSetUpPr fitToPage="1"/>
  </sheetPr>
  <dimension ref="A1:M124"/>
  <sheetViews>
    <sheetView showGridLines="0" view="pageBreakPreview" zoomScale="85" zoomScaleNormal="85" zoomScaleSheetLayoutView="85" workbookViewId="0"/>
  </sheetViews>
  <sheetFormatPr defaultColWidth="9" defaultRowHeight="13.5" x14ac:dyDescent="0.15"/>
  <cols>
    <col min="1" max="1" width="1.125" style="309" customWidth="1"/>
    <col min="2" max="2" width="1.25" style="309" customWidth="1"/>
    <col min="3" max="3" width="19.5" style="309" customWidth="1"/>
    <col min="4" max="4" width="13.625" style="309" customWidth="1"/>
    <col min="5" max="5" width="7" style="309" customWidth="1"/>
    <col min="6" max="6" width="8.75" style="309" customWidth="1"/>
    <col min="7" max="7" width="8.625" style="309" customWidth="1"/>
    <col min="8" max="9" width="5" style="309" customWidth="1"/>
    <col min="10" max="10" width="6.125" style="309" bestFit="1" customWidth="1"/>
    <col min="11" max="12" width="8.625" style="309" customWidth="1"/>
    <col min="13" max="13" width="1.125" style="309" customWidth="1"/>
    <col min="14" max="16384" width="9" style="309"/>
  </cols>
  <sheetData>
    <row r="1" spans="2:13" s="303" customFormat="1" ht="15" customHeight="1" x14ac:dyDescent="0.15">
      <c r="B1" s="302" t="s">
        <v>233</v>
      </c>
      <c r="D1" s="304"/>
      <c r="E1" s="305"/>
      <c r="F1" s="305"/>
      <c r="G1" s="305"/>
      <c r="H1" s="305"/>
      <c r="I1" s="305"/>
      <c r="K1" s="306"/>
      <c r="L1" s="307"/>
    </row>
    <row r="2" spans="2:13" s="303" customFormat="1" ht="15" customHeight="1" x14ac:dyDescent="0.15">
      <c r="B2" s="302"/>
      <c r="D2" s="304"/>
      <c r="E2" s="305"/>
      <c r="F2" s="305"/>
      <c r="G2" s="305"/>
      <c r="H2" s="305"/>
      <c r="I2" s="305"/>
      <c r="K2" s="306"/>
      <c r="L2" s="307"/>
    </row>
    <row r="3" spans="2:13" ht="14.25" x14ac:dyDescent="0.15">
      <c r="B3" s="308" t="s">
        <v>234</v>
      </c>
      <c r="E3" s="310"/>
      <c r="F3" s="310"/>
      <c r="G3" s="310"/>
      <c r="H3" s="310"/>
      <c r="I3" s="310"/>
      <c r="K3" s="311"/>
      <c r="L3" s="312"/>
    </row>
    <row r="4" spans="2:13" ht="14.25" customHeight="1" x14ac:dyDescent="0.15">
      <c r="B4" s="309" t="s">
        <v>235</v>
      </c>
      <c r="E4" s="310"/>
      <c r="F4" s="310"/>
      <c r="G4" s="310"/>
      <c r="H4" s="310"/>
      <c r="I4" s="310"/>
      <c r="K4" s="311"/>
      <c r="L4" s="312"/>
    </row>
    <row r="5" spans="2:13" ht="7.5" customHeight="1" x14ac:dyDescent="0.15">
      <c r="B5" s="313"/>
      <c r="C5" s="314"/>
      <c r="D5" s="314"/>
      <c r="E5" s="210"/>
      <c r="F5" s="314"/>
      <c r="G5" s="314"/>
      <c r="H5" s="314"/>
      <c r="I5" s="314"/>
      <c r="J5" s="315"/>
      <c r="K5" s="315"/>
      <c r="L5" s="316"/>
      <c r="M5" s="317"/>
    </row>
    <row r="6" spans="2:13" ht="15.75" customHeight="1" x14ac:dyDescent="0.15">
      <c r="B6" s="317"/>
      <c r="E6" s="18" t="s">
        <v>236</v>
      </c>
      <c r="F6" s="318" t="s">
        <v>237</v>
      </c>
      <c r="G6" s="319" t="s">
        <v>7</v>
      </c>
      <c r="H6" s="320" t="s">
        <v>117</v>
      </c>
      <c r="I6" s="321"/>
      <c r="J6" s="321"/>
      <c r="K6" s="19" t="s">
        <v>9</v>
      </c>
      <c r="L6" s="673" t="s">
        <v>10</v>
      </c>
      <c r="M6" s="317"/>
    </row>
    <row r="7" spans="2:13" ht="14.25" customHeight="1" x14ac:dyDescent="0.15">
      <c r="B7" s="317"/>
      <c r="C7" s="309" t="s">
        <v>0</v>
      </c>
      <c r="D7" s="309" t="s">
        <v>238</v>
      </c>
      <c r="E7" s="26" t="s">
        <v>239</v>
      </c>
      <c r="F7" s="322" t="s">
        <v>240</v>
      </c>
      <c r="G7" s="322" t="s">
        <v>12</v>
      </c>
      <c r="H7" s="323" t="s">
        <v>118</v>
      </c>
      <c r="I7" s="323" t="s">
        <v>118</v>
      </c>
      <c r="J7" s="324" t="s">
        <v>119</v>
      </c>
      <c r="K7" s="325" t="s">
        <v>14</v>
      </c>
      <c r="L7" s="673"/>
      <c r="M7" s="317"/>
    </row>
    <row r="8" spans="2:13" ht="14.25" customHeight="1" x14ac:dyDescent="0.15">
      <c r="B8" s="317"/>
      <c r="C8" s="326"/>
      <c r="D8" s="327"/>
      <c r="E8" s="26"/>
      <c r="F8" s="322" t="s">
        <v>16</v>
      </c>
      <c r="G8" s="322"/>
      <c r="H8" s="328" t="s">
        <v>121</v>
      </c>
      <c r="I8" s="328" t="s">
        <v>122</v>
      </c>
      <c r="J8" s="322" t="s">
        <v>17</v>
      </c>
      <c r="K8" s="325" t="s">
        <v>18</v>
      </c>
      <c r="L8" s="673"/>
      <c r="M8" s="317"/>
    </row>
    <row r="9" spans="2:13" ht="5.25" customHeight="1" x14ac:dyDescent="0.15">
      <c r="B9" s="329"/>
      <c r="C9" s="330"/>
      <c r="D9" s="331"/>
      <c r="E9" s="37"/>
      <c r="F9" s="332"/>
      <c r="G9" s="332"/>
      <c r="H9" s="333"/>
      <c r="I9" s="333"/>
      <c r="J9" s="334"/>
      <c r="K9" s="335"/>
      <c r="L9" s="336"/>
      <c r="M9" s="317"/>
    </row>
    <row r="10" spans="2:13" ht="7.5" customHeight="1" x14ac:dyDescent="0.15">
      <c r="B10" s="313"/>
      <c r="C10" s="315"/>
      <c r="D10" s="315"/>
      <c r="E10" s="219"/>
      <c r="F10" s="314"/>
      <c r="G10" s="314"/>
      <c r="H10" s="314"/>
      <c r="I10" s="314"/>
      <c r="J10" s="315"/>
      <c r="K10" s="315"/>
      <c r="L10" s="337"/>
      <c r="M10" s="317"/>
    </row>
    <row r="11" spans="2:13" ht="14.25" customHeight="1" x14ac:dyDescent="0.15">
      <c r="B11" s="317"/>
      <c r="C11" s="309" t="s">
        <v>241</v>
      </c>
      <c r="D11" s="309" t="s">
        <v>153</v>
      </c>
      <c r="E11" s="338">
        <v>70</v>
      </c>
      <c r="F11" s="339">
        <v>56</v>
      </c>
      <c r="G11" s="339">
        <v>14</v>
      </c>
      <c r="H11" s="340" t="s">
        <v>174</v>
      </c>
      <c r="I11" s="340" t="s">
        <v>174</v>
      </c>
      <c r="J11" s="339">
        <v>13</v>
      </c>
      <c r="K11" s="311">
        <v>0.23</v>
      </c>
      <c r="L11" s="341">
        <v>0.41</v>
      </c>
      <c r="M11" s="317"/>
    </row>
    <row r="12" spans="2:13" ht="14.25" customHeight="1" x14ac:dyDescent="0.15">
      <c r="B12" s="317"/>
      <c r="C12" s="309" t="s">
        <v>62</v>
      </c>
      <c r="D12" s="309" t="s">
        <v>153</v>
      </c>
      <c r="E12" s="338">
        <v>70</v>
      </c>
      <c r="F12" s="339">
        <v>56</v>
      </c>
      <c r="G12" s="339">
        <v>11</v>
      </c>
      <c r="H12" s="340" t="s">
        <v>174</v>
      </c>
      <c r="I12" s="340" t="s">
        <v>174</v>
      </c>
      <c r="J12" s="339">
        <v>11</v>
      </c>
      <c r="K12" s="311">
        <v>0.2</v>
      </c>
      <c r="L12" s="341">
        <v>0.25</v>
      </c>
      <c r="M12" s="317"/>
    </row>
    <row r="13" spans="2:13" ht="14.25" customHeight="1" x14ac:dyDescent="0.15">
      <c r="B13" s="317"/>
      <c r="C13" s="309" t="s">
        <v>64</v>
      </c>
      <c r="D13" s="309" t="s">
        <v>153</v>
      </c>
      <c r="E13" s="338">
        <v>70</v>
      </c>
      <c r="F13" s="339">
        <v>56</v>
      </c>
      <c r="G13" s="339">
        <v>15</v>
      </c>
      <c r="H13" s="340" t="s">
        <v>174</v>
      </c>
      <c r="I13" s="340" t="s">
        <v>174</v>
      </c>
      <c r="J13" s="339">
        <v>14</v>
      </c>
      <c r="K13" s="311">
        <v>0.25</v>
      </c>
      <c r="L13" s="341">
        <v>0.23</v>
      </c>
      <c r="M13" s="317"/>
    </row>
    <row r="14" spans="2:13" ht="14.25" customHeight="1" x14ac:dyDescent="0.15">
      <c r="B14" s="317"/>
      <c r="C14" s="309" t="s">
        <v>115</v>
      </c>
      <c r="D14" s="309" t="s">
        <v>153</v>
      </c>
      <c r="E14" s="338">
        <v>70</v>
      </c>
      <c r="F14" s="339">
        <v>56</v>
      </c>
      <c r="G14" s="339">
        <v>5</v>
      </c>
      <c r="H14" s="340" t="s">
        <v>174</v>
      </c>
      <c r="I14" s="340" t="s">
        <v>174</v>
      </c>
      <c r="J14" s="339">
        <v>5</v>
      </c>
      <c r="K14" s="311">
        <v>0.09</v>
      </c>
      <c r="L14" s="341">
        <v>0.23</v>
      </c>
      <c r="M14" s="317"/>
    </row>
    <row r="15" spans="2:13" ht="21.75" customHeight="1" x14ac:dyDescent="0.15">
      <c r="B15" s="317"/>
      <c r="C15" s="309" t="s">
        <v>242</v>
      </c>
      <c r="D15" s="309" t="s">
        <v>153</v>
      </c>
      <c r="E15" s="338">
        <v>140</v>
      </c>
      <c r="F15" s="339">
        <v>112</v>
      </c>
      <c r="G15" s="339">
        <v>26</v>
      </c>
      <c r="H15" s="340" t="s">
        <v>174</v>
      </c>
      <c r="I15" s="340" t="s">
        <v>174</v>
      </c>
      <c r="J15" s="339">
        <v>24</v>
      </c>
      <c r="K15" s="311">
        <v>0.21</v>
      </c>
      <c r="L15" s="341">
        <v>0.27</v>
      </c>
      <c r="M15" s="317"/>
    </row>
    <row r="16" spans="2:13" x14ac:dyDescent="0.15">
      <c r="B16" s="317"/>
      <c r="C16" s="177" t="s">
        <v>243</v>
      </c>
      <c r="D16" s="177" t="s">
        <v>244</v>
      </c>
      <c r="E16" s="338">
        <v>132</v>
      </c>
      <c r="F16" s="339">
        <v>132</v>
      </c>
      <c r="G16" s="339">
        <v>102</v>
      </c>
      <c r="H16" s="339">
        <v>88</v>
      </c>
      <c r="I16" s="339">
        <v>12</v>
      </c>
      <c r="J16" s="339">
        <v>100</v>
      </c>
      <c r="K16" s="311">
        <v>0.76</v>
      </c>
      <c r="L16" s="342">
        <v>0.63</v>
      </c>
      <c r="M16" s="317"/>
    </row>
    <row r="17" spans="2:13" x14ac:dyDescent="0.15">
      <c r="B17" s="317"/>
      <c r="C17" s="309" t="s">
        <v>245</v>
      </c>
      <c r="D17" s="309" t="s">
        <v>153</v>
      </c>
      <c r="E17" s="338">
        <v>70</v>
      </c>
      <c r="F17" s="339">
        <v>56</v>
      </c>
      <c r="G17" s="339">
        <v>22</v>
      </c>
      <c r="H17" s="339">
        <v>21</v>
      </c>
      <c r="I17" s="339">
        <v>0</v>
      </c>
      <c r="J17" s="339">
        <v>21</v>
      </c>
      <c r="K17" s="311">
        <v>0.38</v>
      </c>
      <c r="L17" s="341">
        <v>0.32</v>
      </c>
      <c r="M17" s="317"/>
    </row>
    <row r="18" spans="2:13" ht="14.25" customHeight="1" x14ac:dyDescent="0.15">
      <c r="B18" s="317"/>
      <c r="C18" s="309" t="s">
        <v>246</v>
      </c>
      <c r="D18" s="309" t="s">
        <v>153</v>
      </c>
      <c r="E18" s="338">
        <v>70</v>
      </c>
      <c r="F18" s="339">
        <v>56</v>
      </c>
      <c r="G18" s="339">
        <v>9</v>
      </c>
      <c r="H18" s="339">
        <v>8</v>
      </c>
      <c r="I18" s="339">
        <v>1</v>
      </c>
      <c r="J18" s="339">
        <v>9</v>
      </c>
      <c r="K18" s="311">
        <v>0.16</v>
      </c>
      <c r="L18" s="341">
        <v>0.39</v>
      </c>
      <c r="M18" s="317"/>
    </row>
    <row r="19" spans="2:13" ht="7.5" customHeight="1" x14ac:dyDescent="0.15">
      <c r="B19" s="317"/>
      <c r="C19" s="343"/>
      <c r="D19" s="343"/>
      <c r="E19" s="338"/>
      <c r="F19" s="310"/>
      <c r="G19" s="310"/>
      <c r="H19" s="310"/>
      <c r="I19" s="310"/>
      <c r="J19" s="339"/>
      <c r="K19" s="311"/>
      <c r="L19" s="341"/>
      <c r="M19" s="317"/>
    </row>
    <row r="20" spans="2:13" ht="7.5" customHeight="1" x14ac:dyDescent="0.15">
      <c r="B20" s="344"/>
      <c r="C20" s="345"/>
      <c r="D20" s="345"/>
      <c r="E20" s="346"/>
      <c r="F20" s="347"/>
      <c r="G20" s="347"/>
      <c r="H20" s="347"/>
      <c r="I20" s="347"/>
      <c r="J20" s="348"/>
      <c r="K20" s="349"/>
      <c r="L20" s="350"/>
      <c r="M20" s="317"/>
    </row>
    <row r="21" spans="2:13" s="356" customFormat="1" ht="14.25" customHeight="1" x14ac:dyDescent="0.15">
      <c r="B21" s="351"/>
      <c r="C21" s="674" t="s">
        <v>139</v>
      </c>
      <c r="D21" s="675"/>
      <c r="E21" s="352">
        <v>692</v>
      </c>
      <c r="F21" s="352">
        <v>580</v>
      </c>
      <c r="G21" s="352">
        <v>204</v>
      </c>
      <c r="H21" s="340" t="s">
        <v>247</v>
      </c>
      <c r="I21" s="340" t="s">
        <v>247</v>
      </c>
      <c r="J21" s="352">
        <v>197</v>
      </c>
      <c r="K21" s="354">
        <v>0.34</v>
      </c>
      <c r="L21" s="355">
        <v>0.33</v>
      </c>
      <c r="M21" s="351"/>
    </row>
    <row r="22" spans="2:13" ht="7.5" customHeight="1" x14ac:dyDescent="0.15">
      <c r="B22" s="329"/>
      <c r="C22" s="357"/>
      <c r="D22" s="357"/>
      <c r="E22" s="358"/>
      <c r="F22" s="359"/>
      <c r="G22" s="359"/>
      <c r="H22" s="359"/>
      <c r="I22" s="359"/>
      <c r="J22" s="360"/>
      <c r="K22" s="361"/>
      <c r="L22" s="362"/>
      <c r="M22" s="317"/>
    </row>
    <row r="23" spans="2:13" ht="12.95" customHeight="1" x14ac:dyDescent="0.15">
      <c r="C23" s="343"/>
      <c r="D23" s="343"/>
      <c r="E23" s="310"/>
      <c r="F23" s="310"/>
      <c r="G23" s="310"/>
      <c r="H23" s="310"/>
      <c r="I23" s="310"/>
      <c r="J23" s="339"/>
      <c r="K23" s="311"/>
      <c r="L23" s="310"/>
    </row>
    <row r="24" spans="2:13" ht="9" customHeight="1" x14ac:dyDescent="0.15">
      <c r="E24" s="310"/>
      <c r="F24" s="310"/>
      <c r="G24" s="310"/>
      <c r="H24" s="310"/>
      <c r="I24" s="310"/>
      <c r="K24" s="311"/>
      <c r="L24" s="312"/>
    </row>
    <row r="25" spans="2:13" x14ac:dyDescent="0.15">
      <c r="E25" s="310"/>
      <c r="F25" s="310"/>
      <c r="G25" s="310"/>
      <c r="H25" s="310"/>
      <c r="I25" s="310"/>
      <c r="K25" s="311"/>
      <c r="L25" s="312"/>
    </row>
    <row r="26" spans="2:13" x14ac:dyDescent="0.15">
      <c r="B26" s="309" t="s">
        <v>248</v>
      </c>
      <c r="E26" s="310"/>
      <c r="F26" s="310"/>
      <c r="G26" s="310"/>
      <c r="H26" s="310"/>
      <c r="I26" s="310"/>
      <c r="K26" s="311"/>
      <c r="L26" s="312"/>
    </row>
    <row r="27" spans="2:13" ht="7.5" customHeight="1" x14ac:dyDescent="0.15">
      <c r="B27" s="313"/>
      <c r="C27" s="314"/>
      <c r="D27" s="314"/>
      <c r="E27" s="210"/>
      <c r="F27" s="314"/>
      <c r="G27" s="314"/>
      <c r="H27" s="314"/>
      <c r="I27" s="314"/>
      <c r="J27" s="315"/>
      <c r="K27" s="315"/>
      <c r="L27" s="316"/>
      <c r="M27" s="317"/>
    </row>
    <row r="28" spans="2:13" ht="15.75" customHeight="1" x14ac:dyDescent="0.15">
      <c r="B28" s="317"/>
      <c r="E28" s="18" t="s">
        <v>236</v>
      </c>
      <c r="F28" s="318" t="s">
        <v>237</v>
      </c>
      <c r="G28" s="319" t="s">
        <v>7</v>
      </c>
      <c r="H28" s="363" t="s">
        <v>8</v>
      </c>
      <c r="I28" s="364"/>
      <c r="J28" s="365"/>
      <c r="K28" s="19" t="s">
        <v>9</v>
      </c>
      <c r="L28" s="673" t="s">
        <v>10</v>
      </c>
      <c r="M28" s="317"/>
    </row>
    <row r="29" spans="2:13" ht="14.25" customHeight="1" x14ac:dyDescent="0.15">
      <c r="B29" s="317"/>
      <c r="C29" s="309" t="s">
        <v>0</v>
      </c>
      <c r="D29" s="309" t="s">
        <v>164</v>
      </c>
      <c r="E29" s="26" t="s">
        <v>239</v>
      </c>
      <c r="F29" s="322" t="s">
        <v>240</v>
      </c>
      <c r="G29" s="322" t="s">
        <v>12</v>
      </c>
      <c r="H29" s="366" t="s">
        <v>13</v>
      </c>
      <c r="I29" s="367"/>
      <c r="J29" s="368"/>
      <c r="K29" s="325" t="s">
        <v>249</v>
      </c>
      <c r="L29" s="673"/>
      <c r="M29" s="317"/>
    </row>
    <row r="30" spans="2:13" ht="14.25" customHeight="1" x14ac:dyDescent="0.15">
      <c r="B30" s="317"/>
      <c r="C30" s="326"/>
      <c r="D30" s="327"/>
      <c r="E30" s="26"/>
      <c r="F30" s="322" t="s">
        <v>16</v>
      </c>
      <c r="G30" s="322"/>
      <c r="H30" s="367" t="s">
        <v>17</v>
      </c>
      <c r="I30" s="369"/>
      <c r="J30" s="368"/>
      <c r="K30" s="325" t="s">
        <v>18</v>
      </c>
      <c r="L30" s="673"/>
      <c r="M30" s="317"/>
    </row>
    <row r="31" spans="2:13" ht="6" customHeight="1" x14ac:dyDescent="0.15">
      <c r="B31" s="329"/>
      <c r="C31" s="330"/>
      <c r="D31" s="331"/>
      <c r="E31" s="37"/>
      <c r="F31" s="332"/>
      <c r="G31" s="332"/>
      <c r="H31" s="370"/>
      <c r="I31" s="371"/>
      <c r="J31" s="372"/>
      <c r="K31" s="335"/>
      <c r="L31" s="336"/>
      <c r="M31" s="317"/>
    </row>
    <row r="32" spans="2:13" ht="7.5" customHeight="1" x14ac:dyDescent="0.15">
      <c r="B32" s="313"/>
      <c r="C32" s="326"/>
      <c r="D32" s="326"/>
      <c r="E32" s="219"/>
      <c r="J32" s="326"/>
      <c r="K32" s="326"/>
      <c r="L32" s="337"/>
      <c r="M32" s="317"/>
    </row>
    <row r="33" spans="2:13" ht="21.6" customHeight="1" x14ac:dyDescent="0.15">
      <c r="B33" s="317"/>
      <c r="C33" s="373" t="s">
        <v>250</v>
      </c>
      <c r="D33" s="309" t="s">
        <v>251</v>
      </c>
      <c r="E33" s="374">
        <v>35</v>
      </c>
      <c r="F33" s="339">
        <v>28</v>
      </c>
      <c r="G33" s="339">
        <v>3</v>
      </c>
      <c r="H33" s="340"/>
      <c r="I33" s="340"/>
      <c r="J33" s="339">
        <v>2</v>
      </c>
      <c r="K33" s="311">
        <v>7.0000000000000007E-2</v>
      </c>
      <c r="L33" s="341">
        <v>0.18</v>
      </c>
      <c r="M33" s="317"/>
    </row>
    <row r="34" spans="2:13" ht="20.25" customHeight="1" x14ac:dyDescent="0.15">
      <c r="B34" s="317"/>
      <c r="C34" s="309" t="s">
        <v>252</v>
      </c>
      <c r="D34" s="309" t="s">
        <v>253</v>
      </c>
      <c r="E34" s="374">
        <v>35</v>
      </c>
      <c r="F34" s="339">
        <v>28</v>
      </c>
      <c r="G34" s="339">
        <v>15</v>
      </c>
      <c r="H34" s="340"/>
      <c r="I34" s="340"/>
      <c r="J34" s="339">
        <v>14</v>
      </c>
      <c r="K34" s="311">
        <v>0.5</v>
      </c>
      <c r="L34" s="342">
        <v>0.32</v>
      </c>
      <c r="M34" s="317"/>
    </row>
    <row r="35" spans="2:13" ht="7.5" customHeight="1" x14ac:dyDescent="0.15">
      <c r="B35" s="317"/>
      <c r="C35" s="343"/>
      <c r="D35" s="343"/>
      <c r="E35" s="338"/>
      <c r="F35" s="310"/>
      <c r="G35" s="310"/>
      <c r="H35" s="310"/>
      <c r="I35" s="310"/>
      <c r="J35" s="339"/>
      <c r="K35" s="311"/>
      <c r="L35" s="341"/>
      <c r="M35" s="317"/>
    </row>
    <row r="36" spans="2:13" ht="7.5" customHeight="1" x14ac:dyDescent="0.15">
      <c r="B36" s="344"/>
      <c r="C36" s="345"/>
      <c r="D36" s="345"/>
      <c r="E36" s="346"/>
      <c r="F36" s="347"/>
      <c r="G36" s="347"/>
      <c r="H36" s="347"/>
      <c r="I36" s="347"/>
      <c r="J36" s="348"/>
      <c r="K36" s="349"/>
      <c r="L36" s="350"/>
      <c r="M36" s="317"/>
    </row>
    <row r="37" spans="2:13" s="356" customFormat="1" x14ac:dyDescent="0.15">
      <c r="B37" s="351"/>
      <c r="C37" s="674" t="s">
        <v>139</v>
      </c>
      <c r="D37" s="675"/>
      <c r="E37" s="375">
        <v>70</v>
      </c>
      <c r="F37" s="352">
        <v>56</v>
      </c>
      <c r="G37" s="352">
        <v>18</v>
      </c>
      <c r="H37" s="352"/>
      <c r="I37" s="352"/>
      <c r="J37" s="352">
        <v>16</v>
      </c>
      <c r="K37" s="354">
        <v>0.28999999999999998</v>
      </c>
      <c r="L37" s="355">
        <v>0.16</v>
      </c>
      <c r="M37" s="351"/>
    </row>
    <row r="38" spans="2:13" ht="7.5" customHeight="1" x14ac:dyDescent="0.15">
      <c r="B38" s="329"/>
      <c r="C38" s="357"/>
      <c r="D38" s="357"/>
      <c r="E38" s="358"/>
      <c r="F38" s="359"/>
      <c r="G38" s="359"/>
      <c r="H38" s="359"/>
      <c r="I38" s="359"/>
      <c r="J38" s="360"/>
      <c r="K38" s="361"/>
      <c r="L38" s="362"/>
      <c r="M38" s="317"/>
    </row>
    <row r="39" spans="2:13" s="373" customFormat="1" ht="12.75" customHeight="1" x14ac:dyDescent="0.15">
      <c r="B39" s="676" t="s">
        <v>254</v>
      </c>
      <c r="C39" s="676"/>
      <c r="D39" s="676"/>
      <c r="E39" s="676"/>
      <c r="F39" s="676"/>
      <c r="G39" s="676"/>
      <c r="H39" s="676"/>
      <c r="I39" s="676"/>
      <c r="J39" s="676"/>
      <c r="K39" s="377"/>
      <c r="L39" s="376"/>
    </row>
    <row r="40" spans="2:13" x14ac:dyDescent="0.15">
      <c r="B40" s="378"/>
      <c r="C40" s="343"/>
      <c r="E40" s="310"/>
      <c r="F40" s="310"/>
      <c r="G40" s="310"/>
      <c r="H40" s="310"/>
      <c r="I40" s="310"/>
      <c r="K40" s="311"/>
      <c r="L40" s="312"/>
    </row>
    <row r="41" spans="2:13" x14ac:dyDescent="0.15">
      <c r="B41" s="309" t="s">
        <v>255</v>
      </c>
      <c r="E41" s="310"/>
      <c r="F41" s="310"/>
      <c r="G41" s="310"/>
      <c r="H41" s="310"/>
      <c r="I41" s="310"/>
      <c r="K41" s="311"/>
      <c r="L41" s="312"/>
    </row>
    <row r="42" spans="2:13" ht="7.5" customHeight="1" x14ac:dyDescent="0.15">
      <c r="B42" s="313"/>
      <c r="C42" s="314"/>
      <c r="D42" s="314"/>
      <c r="E42" s="210"/>
      <c r="F42" s="314"/>
      <c r="G42" s="314"/>
      <c r="H42" s="314"/>
      <c r="I42" s="314"/>
      <c r="J42" s="315"/>
      <c r="K42" s="315"/>
      <c r="L42" s="316"/>
      <c r="M42" s="317"/>
    </row>
    <row r="43" spans="2:13" ht="15.75" customHeight="1" x14ac:dyDescent="0.15">
      <c r="B43" s="317"/>
      <c r="E43" s="18" t="s">
        <v>236</v>
      </c>
      <c r="F43" s="318" t="s">
        <v>237</v>
      </c>
      <c r="G43" s="319" t="s">
        <v>7</v>
      </c>
      <c r="H43" s="363" t="s">
        <v>8</v>
      </c>
      <c r="I43" s="364"/>
      <c r="J43" s="365"/>
      <c r="K43" s="19" t="s">
        <v>9</v>
      </c>
      <c r="L43" s="673" t="s">
        <v>10</v>
      </c>
      <c r="M43" s="317"/>
    </row>
    <row r="44" spans="2:13" ht="14.25" customHeight="1" x14ac:dyDescent="0.15">
      <c r="B44" s="317"/>
      <c r="C44" s="309" t="s">
        <v>0</v>
      </c>
      <c r="D44" s="309" t="s">
        <v>164</v>
      </c>
      <c r="E44" s="26" t="s">
        <v>239</v>
      </c>
      <c r="F44" s="322" t="s">
        <v>240</v>
      </c>
      <c r="G44" s="322" t="s">
        <v>12</v>
      </c>
      <c r="H44" s="366" t="s">
        <v>13</v>
      </c>
      <c r="I44" s="367"/>
      <c r="J44" s="368"/>
      <c r="K44" s="325" t="s">
        <v>249</v>
      </c>
      <c r="L44" s="673"/>
      <c r="M44" s="317"/>
    </row>
    <row r="45" spans="2:13" ht="14.25" customHeight="1" x14ac:dyDescent="0.15">
      <c r="B45" s="317"/>
      <c r="C45" s="326"/>
      <c r="D45" s="327"/>
      <c r="E45" s="26"/>
      <c r="F45" s="322" t="s">
        <v>16</v>
      </c>
      <c r="G45" s="322"/>
      <c r="H45" s="367" t="s">
        <v>17</v>
      </c>
      <c r="I45" s="369"/>
      <c r="J45" s="368"/>
      <c r="K45" s="325" t="s">
        <v>18</v>
      </c>
      <c r="L45" s="673"/>
      <c r="M45" s="317"/>
    </row>
    <row r="46" spans="2:13" ht="6.75" customHeight="1" x14ac:dyDescent="0.15">
      <c r="B46" s="329"/>
      <c r="C46" s="330"/>
      <c r="D46" s="331"/>
      <c r="E46" s="37"/>
      <c r="F46" s="332"/>
      <c r="G46" s="332"/>
      <c r="H46" s="370"/>
      <c r="I46" s="371"/>
      <c r="J46" s="372"/>
      <c r="K46" s="335"/>
      <c r="L46" s="336"/>
      <c r="M46" s="317"/>
    </row>
    <row r="47" spans="2:13" ht="7.5" customHeight="1" x14ac:dyDescent="0.15">
      <c r="B47" s="313"/>
      <c r="C47" s="326"/>
      <c r="D47" s="326"/>
      <c r="E47" s="219"/>
      <c r="J47" s="326"/>
      <c r="K47" s="326"/>
      <c r="L47" s="337"/>
      <c r="M47" s="317"/>
    </row>
    <row r="48" spans="2:13" x14ac:dyDescent="0.15">
      <c r="B48" s="317"/>
      <c r="C48" s="309" t="s">
        <v>252</v>
      </c>
      <c r="D48" s="309" t="s">
        <v>256</v>
      </c>
      <c r="E48" s="374">
        <v>35</v>
      </c>
      <c r="F48" s="339">
        <v>28</v>
      </c>
      <c r="G48" s="339">
        <v>5</v>
      </c>
      <c r="H48" s="340"/>
      <c r="I48" s="340"/>
      <c r="J48" s="339">
        <v>5</v>
      </c>
      <c r="K48" s="311">
        <v>0.18</v>
      </c>
      <c r="L48" s="379">
        <v>0.14000000000000001</v>
      </c>
      <c r="M48" s="317"/>
    </row>
    <row r="49" spans="2:13" ht="7.5" customHeight="1" x14ac:dyDescent="0.15">
      <c r="B49" s="329"/>
      <c r="C49" s="357"/>
      <c r="D49" s="357"/>
      <c r="E49" s="358"/>
      <c r="F49" s="359"/>
      <c r="G49" s="359"/>
      <c r="H49" s="359"/>
      <c r="I49" s="359"/>
      <c r="J49" s="360"/>
      <c r="K49" s="361"/>
      <c r="L49" s="362"/>
      <c r="M49" s="317"/>
    </row>
    <row r="50" spans="2:13" ht="9" customHeight="1" x14ac:dyDescent="0.15">
      <c r="E50" s="310"/>
      <c r="F50" s="310"/>
      <c r="G50" s="310"/>
      <c r="H50" s="310"/>
      <c r="I50" s="310"/>
      <c r="K50" s="311"/>
      <c r="L50" s="312"/>
    </row>
    <row r="51" spans="2:13" x14ac:dyDescent="0.15">
      <c r="E51" s="310"/>
      <c r="F51" s="310"/>
      <c r="G51" s="310"/>
      <c r="H51" s="310"/>
      <c r="I51" s="310"/>
      <c r="K51" s="311"/>
      <c r="L51" s="312"/>
    </row>
    <row r="52" spans="2:13" x14ac:dyDescent="0.15">
      <c r="B52" s="309" t="s">
        <v>257</v>
      </c>
      <c r="E52" s="310"/>
      <c r="F52" s="310"/>
      <c r="G52" s="310"/>
      <c r="H52" s="310"/>
      <c r="I52" s="310"/>
      <c r="K52" s="311"/>
      <c r="L52" s="312"/>
    </row>
    <row r="53" spans="2:13" ht="7.5" customHeight="1" x14ac:dyDescent="0.15">
      <c r="B53" s="313"/>
      <c r="C53" s="314"/>
      <c r="D53" s="314"/>
      <c r="E53" s="210"/>
      <c r="F53" s="314"/>
      <c r="G53" s="314"/>
      <c r="H53" s="314"/>
      <c r="I53" s="314"/>
      <c r="J53" s="315"/>
      <c r="K53" s="315"/>
      <c r="L53" s="316"/>
      <c r="M53" s="317"/>
    </row>
    <row r="54" spans="2:13" ht="15.75" customHeight="1" x14ac:dyDescent="0.15">
      <c r="B54" s="317"/>
      <c r="E54" s="18" t="s">
        <v>236</v>
      </c>
      <c r="F54" s="318" t="s">
        <v>237</v>
      </c>
      <c r="G54" s="319" t="s">
        <v>7</v>
      </c>
      <c r="H54" s="363" t="s">
        <v>8</v>
      </c>
      <c r="I54" s="364"/>
      <c r="J54" s="365"/>
      <c r="K54" s="19" t="s">
        <v>9</v>
      </c>
      <c r="L54" s="673" t="s">
        <v>10</v>
      </c>
      <c r="M54" s="317"/>
    </row>
    <row r="55" spans="2:13" ht="14.25" customHeight="1" x14ac:dyDescent="0.15">
      <c r="B55" s="317"/>
      <c r="C55" s="309" t="s">
        <v>0</v>
      </c>
      <c r="D55" s="309" t="s">
        <v>258</v>
      </c>
      <c r="E55" s="26" t="s">
        <v>239</v>
      </c>
      <c r="F55" s="322" t="s">
        <v>240</v>
      </c>
      <c r="G55" s="322" t="s">
        <v>12</v>
      </c>
      <c r="H55" s="366" t="s">
        <v>13</v>
      </c>
      <c r="I55" s="367"/>
      <c r="J55" s="368"/>
      <c r="K55" s="325" t="s">
        <v>14</v>
      </c>
      <c r="L55" s="673"/>
      <c r="M55" s="317"/>
    </row>
    <row r="56" spans="2:13" ht="14.25" customHeight="1" x14ac:dyDescent="0.15">
      <c r="B56" s="317"/>
      <c r="C56" s="326"/>
      <c r="D56" s="327"/>
      <c r="E56" s="26"/>
      <c r="F56" s="322" t="s">
        <v>16</v>
      </c>
      <c r="G56" s="322"/>
      <c r="H56" s="367" t="s">
        <v>17</v>
      </c>
      <c r="I56" s="369"/>
      <c r="J56" s="368"/>
      <c r="K56" s="325" t="s">
        <v>18</v>
      </c>
      <c r="L56" s="673"/>
      <c r="M56" s="317"/>
    </row>
    <row r="57" spans="2:13" ht="5.25" customHeight="1" x14ac:dyDescent="0.15">
      <c r="B57" s="329"/>
      <c r="C57" s="330"/>
      <c r="D57" s="331"/>
      <c r="E57" s="37"/>
      <c r="F57" s="332"/>
      <c r="G57" s="332"/>
      <c r="H57" s="370"/>
      <c r="I57" s="371"/>
      <c r="J57" s="372"/>
      <c r="K57" s="335"/>
      <c r="L57" s="336"/>
      <c r="M57" s="317"/>
    </row>
    <row r="58" spans="2:13" ht="7.5" customHeight="1" x14ac:dyDescent="0.15">
      <c r="B58" s="313"/>
      <c r="C58" s="326"/>
      <c r="D58" s="326"/>
      <c r="E58" s="219"/>
      <c r="G58" s="380"/>
      <c r="H58" s="380"/>
      <c r="I58" s="380"/>
      <c r="J58" s="381"/>
      <c r="K58" s="326"/>
      <c r="L58" s="337"/>
      <c r="M58" s="317"/>
    </row>
    <row r="59" spans="2:13" s="373" customFormat="1" ht="14.25" customHeight="1" x14ac:dyDescent="0.15">
      <c r="B59" s="382"/>
      <c r="C59" s="383" t="s">
        <v>259</v>
      </c>
      <c r="D59" s="383" t="s">
        <v>260</v>
      </c>
      <c r="E59" s="384">
        <v>70</v>
      </c>
      <c r="F59" s="385">
        <v>56</v>
      </c>
      <c r="G59" s="385">
        <v>14</v>
      </c>
      <c r="H59" s="386"/>
      <c r="I59" s="386"/>
      <c r="J59" s="385">
        <v>14</v>
      </c>
      <c r="K59" s="387">
        <v>0.25</v>
      </c>
      <c r="L59" s="388" t="s">
        <v>174</v>
      </c>
      <c r="M59" s="382"/>
    </row>
    <row r="60" spans="2:13" s="373" customFormat="1" ht="19.5" customHeight="1" x14ac:dyDescent="0.15">
      <c r="B60" s="382"/>
      <c r="C60" s="183" t="s">
        <v>261</v>
      </c>
      <c r="D60" s="183" t="s">
        <v>262</v>
      </c>
      <c r="E60" s="384">
        <v>125</v>
      </c>
      <c r="F60" s="385">
        <v>125</v>
      </c>
      <c r="G60" s="385">
        <v>124</v>
      </c>
      <c r="H60" s="386"/>
      <c r="I60" s="386"/>
      <c r="J60" s="385">
        <v>122</v>
      </c>
      <c r="K60" s="387">
        <v>0.98</v>
      </c>
      <c r="L60" s="389">
        <v>0.82</v>
      </c>
      <c r="M60" s="382"/>
    </row>
    <row r="61" spans="2:13" s="373" customFormat="1" x14ac:dyDescent="0.15">
      <c r="B61" s="382"/>
      <c r="C61" s="183" t="s">
        <v>170</v>
      </c>
      <c r="D61" s="183" t="s">
        <v>263</v>
      </c>
      <c r="E61" s="384">
        <v>125</v>
      </c>
      <c r="F61" s="385">
        <v>125</v>
      </c>
      <c r="G61" s="385">
        <v>54</v>
      </c>
      <c r="H61" s="386"/>
      <c r="I61" s="386"/>
      <c r="J61" s="385">
        <v>54</v>
      </c>
      <c r="K61" s="387">
        <v>0.43</v>
      </c>
      <c r="L61" s="389">
        <v>0.44</v>
      </c>
      <c r="M61" s="382"/>
    </row>
    <row r="62" spans="2:13" s="373" customFormat="1" x14ac:dyDescent="0.15">
      <c r="B62" s="382"/>
      <c r="C62" s="183"/>
      <c r="D62" s="390" t="s">
        <v>152</v>
      </c>
      <c r="E62" s="391">
        <v>250</v>
      </c>
      <c r="F62" s="392">
        <v>250</v>
      </c>
      <c r="G62" s="392">
        <v>178</v>
      </c>
      <c r="H62" s="392"/>
      <c r="I62" s="392"/>
      <c r="J62" s="392">
        <v>176</v>
      </c>
      <c r="K62" s="393">
        <v>0.7</v>
      </c>
      <c r="L62" s="394">
        <v>0.63</v>
      </c>
      <c r="M62" s="382"/>
    </row>
    <row r="63" spans="2:13" s="373" customFormat="1" ht="21.75" customHeight="1" x14ac:dyDescent="0.15">
      <c r="B63" s="382"/>
      <c r="C63" s="373" t="s">
        <v>264</v>
      </c>
      <c r="D63" s="373" t="s">
        <v>235</v>
      </c>
      <c r="E63" s="395">
        <v>70</v>
      </c>
      <c r="F63" s="385">
        <v>70</v>
      </c>
      <c r="G63" s="385">
        <v>55</v>
      </c>
      <c r="H63" s="386"/>
      <c r="I63" s="386"/>
      <c r="J63" s="385">
        <v>54</v>
      </c>
      <c r="K63" s="377">
        <v>0.77</v>
      </c>
      <c r="L63" s="396">
        <v>1.1399999999999999</v>
      </c>
      <c r="M63" s="382"/>
    </row>
    <row r="64" spans="2:13" s="373" customFormat="1" x14ac:dyDescent="0.15">
      <c r="B64" s="382"/>
      <c r="C64" s="373" t="s">
        <v>265</v>
      </c>
      <c r="D64" s="373" t="s">
        <v>235</v>
      </c>
      <c r="E64" s="395">
        <v>70</v>
      </c>
      <c r="F64" s="385">
        <v>56</v>
      </c>
      <c r="G64" s="385">
        <v>28</v>
      </c>
      <c r="H64" s="386"/>
      <c r="I64" s="386"/>
      <c r="J64" s="385">
        <v>27</v>
      </c>
      <c r="K64" s="377">
        <v>0.48</v>
      </c>
      <c r="L64" s="396">
        <v>0.45</v>
      </c>
      <c r="M64" s="382"/>
    </row>
    <row r="65" spans="2:13" s="373" customFormat="1" x14ac:dyDescent="0.15">
      <c r="B65" s="382"/>
      <c r="C65" s="373" t="s">
        <v>266</v>
      </c>
      <c r="D65" s="373" t="s">
        <v>267</v>
      </c>
      <c r="E65" s="395">
        <v>70</v>
      </c>
      <c r="F65" s="385">
        <v>56</v>
      </c>
      <c r="G65" s="385">
        <v>34</v>
      </c>
      <c r="H65" s="386"/>
      <c r="I65" s="386"/>
      <c r="J65" s="385">
        <v>34</v>
      </c>
      <c r="K65" s="377">
        <v>0.61</v>
      </c>
      <c r="L65" s="397">
        <v>0.64</v>
      </c>
      <c r="M65" s="382"/>
    </row>
    <row r="66" spans="2:13" s="373" customFormat="1" x14ac:dyDescent="0.15">
      <c r="B66" s="382"/>
      <c r="C66" s="373" t="s">
        <v>268</v>
      </c>
      <c r="D66" s="373" t="s">
        <v>235</v>
      </c>
      <c r="E66" s="395">
        <v>70</v>
      </c>
      <c r="F66" s="385">
        <v>56</v>
      </c>
      <c r="G66" s="385">
        <v>22</v>
      </c>
      <c r="H66" s="386"/>
      <c r="I66" s="386"/>
      <c r="J66" s="385">
        <v>22</v>
      </c>
      <c r="K66" s="377">
        <v>0.39</v>
      </c>
      <c r="L66" s="396">
        <v>0.36</v>
      </c>
      <c r="M66" s="382"/>
    </row>
    <row r="67" spans="2:13" s="373" customFormat="1" x14ac:dyDescent="0.15">
      <c r="B67" s="382"/>
      <c r="C67" s="373" t="s">
        <v>226</v>
      </c>
      <c r="D67" s="373" t="s">
        <v>235</v>
      </c>
      <c r="E67" s="395">
        <v>105</v>
      </c>
      <c r="F67" s="385">
        <v>105</v>
      </c>
      <c r="G67" s="385">
        <v>53</v>
      </c>
      <c r="H67" s="386"/>
      <c r="I67" s="386"/>
      <c r="J67" s="385">
        <v>53</v>
      </c>
      <c r="K67" s="377">
        <v>0.5</v>
      </c>
      <c r="L67" s="398">
        <v>0.54</v>
      </c>
      <c r="M67" s="382"/>
    </row>
    <row r="68" spans="2:13" s="373" customFormat="1" ht="19.5" customHeight="1" x14ac:dyDescent="0.15">
      <c r="B68" s="382"/>
      <c r="C68" s="373" t="s">
        <v>269</v>
      </c>
      <c r="D68" s="373" t="s">
        <v>262</v>
      </c>
      <c r="E68" s="395">
        <v>125</v>
      </c>
      <c r="F68" s="385">
        <v>125</v>
      </c>
      <c r="G68" s="385">
        <v>88</v>
      </c>
      <c r="H68" s="386"/>
      <c r="I68" s="386"/>
      <c r="J68" s="385">
        <v>88</v>
      </c>
      <c r="K68" s="377">
        <v>0.7</v>
      </c>
      <c r="L68" s="396">
        <v>0.87</v>
      </c>
      <c r="M68" s="399"/>
    </row>
    <row r="69" spans="2:13" s="373" customFormat="1" x14ac:dyDescent="0.15">
      <c r="B69" s="382"/>
      <c r="C69" s="373" t="s">
        <v>170</v>
      </c>
      <c r="D69" s="373" t="s">
        <v>263</v>
      </c>
      <c r="E69" s="395">
        <v>125</v>
      </c>
      <c r="F69" s="385">
        <v>125</v>
      </c>
      <c r="G69" s="385">
        <v>57</v>
      </c>
      <c r="H69" s="386"/>
      <c r="I69" s="386"/>
      <c r="J69" s="385">
        <v>54</v>
      </c>
      <c r="K69" s="377">
        <v>0.43</v>
      </c>
      <c r="L69" s="396">
        <v>0.75</v>
      </c>
      <c r="M69" s="399"/>
    </row>
    <row r="70" spans="2:13" s="373" customFormat="1" x14ac:dyDescent="0.15">
      <c r="B70" s="382"/>
      <c r="D70" s="390" t="s">
        <v>152</v>
      </c>
      <c r="E70" s="400">
        <v>250</v>
      </c>
      <c r="F70" s="392">
        <v>250</v>
      </c>
      <c r="G70" s="392">
        <v>145</v>
      </c>
      <c r="H70" s="401"/>
      <c r="I70" s="401"/>
      <c r="J70" s="392">
        <v>142</v>
      </c>
      <c r="K70" s="393">
        <v>0.56999999999999995</v>
      </c>
      <c r="L70" s="402">
        <v>0.81</v>
      </c>
      <c r="M70" s="399"/>
    </row>
    <row r="71" spans="2:13" s="373" customFormat="1" ht="21" customHeight="1" x14ac:dyDescent="0.15">
      <c r="B71" s="382"/>
      <c r="C71" s="373" t="s">
        <v>270</v>
      </c>
      <c r="D71" s="183" t="s">
        <v>260</v>
      </c>
      <c r="E71" s="395">
        <v>105</v>
      </c>
      <c r="F71" s="639">
        <v>84</v>
      </c>
      <c r="G71" s="639">
        <v>29</v>
      </c>
      <c r="J71" s="639">
        <v>28</v>
      </c>
      <c r="K71" s="387">
        <v>0.33</v>
      </c>
      <c r="L71" s="397" t="s">
        <v>174</v>
      </c>
      <c r="M71" s="399"/>
    </row>
    <row r="72" spans="2:13" ht="7.5" customHeight="1" x14ac:dyDescent="0.15">
      <c r="B72" s="317"/>
      <c r="C72" s="343"/>
      <c r="D72" s="343"/>
      <c r="E72" s="338"/>
      <c r="F72" s="310"/>
      <c r="G72" s="310"/>
      <c r="H72" s="310"/>
      <c r="I72" s="310"/>
      <c r="J72" s="339"/>
      <c r="K72" s="311"/>
      <c r="L72" s="403"/>
      <c r="M72" s="317"/>
    </row>
    <row r="73" spans="2:13" ht="7.5" customHeight="1" x14ac:dyDescent="0.15">
      <c r="B73" s="344"/>
      <c r="C73" s="345"/>
      <c r="D73" s="345"/>
      <c r="E73" s="346"/>
      <c r="F73" s="347"/>
      <c r="G73" s="347"/>
      <c r="H73" s="347"/>
      <c r="I73" s="347"/>
      <c r="J73" s="348"/>
      <c r="K73" s="349"/>
      <c r="L73" s="404"/>
      <c r="M73" s="317"/>
    </row>
    <row r="74" spans="2:13" s="356" customFormat="1" x14ac:dyDescent="0.15">
      <c r="B74" s="351"/>
      <c r="C74" s="674" t="s">
        <v>139</v>
      </c>
      <c r="D74" s="675"/>
      <c r="E74" s="352">
        <v>1060</v>
      </c>
      <c r="F74" s="352">
        <v>983</v>
      </c>
      <c r="G74" s="352">
        <v>558</v>
      </c>
      <c r="H74" s="352"/>
      <c r="I74" s="352"/>
      <c r="J74" s="352">
        <v>550</v>
      </c>
      <c r="K74" s="354">
        <v>0.56000000000000005</v>
      </c>
      <c r="L74" s="355">
        <v>0.69</v>
      </c>
      <c r="M74" s="351"/>
    </row>
    <row r="75" spans="2:13" ht="7.5" customHeight="1" x14ac:dyDescent="0.15">
      <c r="B75" s="329"/>
      <c r="C75" s="357"/>
      <c r="D75" s="357"/>
      <c r="E75" s="358"/>
      <c r="F75" s="359"/>
      <c r="G75" s="359"/>
      <c r="H75" s="359"/>
      <c r="I75" s="359"/>
      <c r="J75" s="360"/>
      <c r="K75" s="361"/>
      <c r="L75" s="362"/>
      <c r="M75" s="317"/>
    </row>
    <row r="76" spans="2:13" ht="15.6" customHeight="1" x14ac:dyDescent="0.15">
      <c r="B76" s="679"/>
      <c r="C76" s="679"/>
      <c r="D76" s="679"/>
      <c r="E76" s="679"/>
      <c r="F76" s="679"/>
      <c r="G76" s="679"/>
      <c r="H76" s="679"/>
      <c r="I76" s="679"/>
      <c r="J76" s="679"/>
      <c r="K76" s="679"/>
      <c r="L76" s="679"/>
    </row>
    <row r="77" spans="2:13" ht="15.6" customHeight="1" x14ac:dyDescent="0.15">
      <c r="D77" s="326"/>
      <c r="E77" s="310"/>
      <c r="F77" s="310"/>
      <c r="G77" s="310"/>
      <c r="H77" s="310"/>
      <c r="I77" s="310"/>
      <c r="J77" s="310"/>
      <c r="K77" s="311"/>
      <c r="L77" s="310"/>
    </row>
    <row r="78" spans="2:13" x14ac:dyDescent="0.15">
      <c r="B78" s="309" t="s">
        <v>271</v>
      </c>
      <c r="E78" s="310"/>
      <c r="F78" s="310"/>
      <c r="G78" s="310"/>
      <c r="H78" s="310"/>
      <c r="I78" s="310"/>
      <c r="K78" s="311"/>
      <c r="L78" s="312"/>
    </row>
    <row r="79" spans="2:13" ht="7.5" customHeight="1" x14ac:dyDescent="0.15">
      <c r="B79" s="313"/>
      <c r="C79" s="314"/>
      <c r="D79" s="314"/>
      <c r="E79" s="210"/>
      <c r="F79" s="314"/>
      <c r="G79" s="314"/>
      <c r="H79" s="314"/>
      <c r="I79" s="314"/>
      <c r="J79" s="315"/>
      <c r="K79" s="315"/>
      <c r="L79" s="316"/>
      <c r="M79" s="317"/>
    </row>
    <row r="80" spans="2:13" ht="15.75" customHeight="1" x14ac:dyDescent="0.15">
      <c r="B80" s="317"/>
      <c r="E80" s="18" t="s">
        <v>236</v>
      </c>
      <c r="F80" s="318" t="s">
        <v>237</v>
      </c>
      <c r="G80" s="319" t="s">
        <v>7</v>
      </c>
      <c r="H80" s="320" t="s">
        <v>117</v>
      </c>
      <c r="I80" s="321"/>
      <c r="J80" s="321"/>
      <c r="K80" s="19" t="s">
        <v>9</v>
      </c>
      <c r="L80" s="673" t="s">
        <v>10</v>
      </c>
      <c r="M80" s="317"/>
    </row>
    <row r="81" spans="2:13" ht="14.25" customHeight="1" x14ac:dyDescent="0.15">
      <c r="B81" s="317"/>
      <c r="C81" s="309" t="s">
        <v>0</v>
      </c>
      <c r="D81" s="309" t="s">
        <v>258</v>
      </c>
      <c r="E81" s="26" t="s">
        <v>239</v>
      </c>
      <c r="F81" s="322" t="s">
        <v>240</v>
      </c>
      <c r="G81" s="322" t="s">
        <v>12</v>
      </c>
      <c r="H81" s="323" t="s">
        <v>118</v>
      </c>
      <c r="I81" s="323" t="s">
        <v>118</v>
      </c>
      <c r="J81" s="324" t="s">
        <v>119</v>
      </c>
      <c r="K81" s="325" t="s">
        <v>249</v>
      </c>
      <c r="L81" s="673"/>
      <c r="M81" s="317"/>
    </row>
    <row r="82" spans="2:13" ht="14.25" customHeight="1" x14ac:dyDescent="0.15">
      <c r="B82" s="317"/>
      <c r="C82" s="326"/>
      <c r="D82" s="326"/>
      <c r="E82" s="26"/>
      <c r="F82" s="322" t="s">
        <v>16</v>
      </c>
      <c r="G82" s="322"/>
      <c r="H82" s="328" t="s">
        <v>121</v>
      </c>
      <c r="I82" s="328" t="s">
        <v>122</v>
      </c>
      <c r="J82" s="322" t="s">
        <v>17</v>
      </c>
      <c r="K82" s="325" t="s">
        <v>18</v>
      </c>
      <c r="L82" s="673"/>
      <c r="M82" s="317"/>
    </row>
    <row r="83" spans="2:13" ht="6" customHeight="1" x14ac:dyDescent="0.15">
      <c r="B83" s="329"/>
      <c r="C83" s="330"/>
      <c r="D83" s="330"/>
      <c r="E83" s="37"/>
      <c r="F83" s="332"/>
      <c r="G83" s="332"/>
      <c r="H83" s="333"/>
      <c r="I83" s="333"/>
      <c r="J83" s="334"/>
      <c r="K83" s="335"/>
      <c r="L83" s="336"/>
      <c r="M83" s="317"/>
    </row>
    <row r="84" spans="2:13" ht="7.5" customHeight="1" x14ac:dyDescent="0.15">
      <c r="B84" s="313"/>
      <c r="C84" s="326"/>
      <c r="D84" s="326"/>
      <c r="E84" s="219"/>
      <c r="J84" s="326"/>
      <c r="K84" s="326"/>
      <c r="L84" s="337"/>
      <c r="M84" s="317"/>
    </row>
    <row r="85" spans="2:13" ht="23.25" customHeight="1" x14ac:dyDescent="0.15">
      <c r="B85" s="317"/>
      <c r="C85" s="309" t="s">
        <v>272</v>
      </c>
      <c r="D85" s="309" t="s">
        <v>273</v>
      </c>
      <c r="E85" s="338">
        <v>144</v>
      </c>
      <c r="F85" s="339">
        <v>144</v>
      </c>
      <c r="G85" s="339">
        <v>153</v>
      </c>
      <c r="H85" s="339">
        <v>139</v>
      </c>
      <c r="I85" s="339">
        <v>12</v>
      </c>
      <c r="J85" s="339">
        <v>151</v>
      </c>
      <c r="K85" s="311">
        <v>1.05</v>
      </c>
      <c r="L85" s="341">
        <v>1.03</v>
      </c>
      <c r="M85" s="317"/>
    </row>
    <row r="86" spans="2:13" x14ac:dyDescent="0.15">
      <c r="B86" s="317"/>
      <c r="C86" s="309" t="s">
        <v>150</v>
      </c>
      <c r="D86" s="309" t="s">
        <v>274</v>
      </c>
      <c r="E86" s="338">
        <v>98</v>
      </c>
      <c r="F86" s="339">
        <v>98</v>
      </c>
      <c r="G86" s="339">
        <v>97</v>
      </c>
      <c r="H86" s="339">
        <v>87</v>
      </c>
      <c r="I86" s="339">
        <v>5</v>
      </c>
      <c r="J86" s="339">
        <v>92</v>
      </c>
      <c r="K86" s="311">
        <v>0.94</v>
      </c>
      <c r="L86" s="341">
        <v>1.3</v>
      </c>
      <c r="M86" s="317"/>
    </row>
    <row r="87" spans="2:13" x14ac:dyDescent="0.15">
      <c r="B87" s="317"/>
      <c r="C87" s="309" t="s">
        <v>150</v>
      </c>
      <c r="D87" s="309" t="s">
        <v>275</v>
      </c>
      <c r="E87" s="338">
        <v>108</v>
      </c>
      <c r="F87" s="339">
        <v>108</v>
      </c>
      <c r="G87" s="339">
        <v>38</v>
      </c>
      <c r="H87" s="339">
        <v>35</v>
      </c>
      <c r="I87" s="339">
        <v>1</v>
      </c>
      <c r="J87" s="339">
        <v>36</v>
      </c>
      <c r="K87" s="311">
        <v>0.33</v>
      </c>
      <c r="L87" s="341">
        <v>0.4</v>
      </c>
      <c r="M87" s="317"/>
    </row>
    <row r="88" spans="2:13" x14ac:dyDescent="0.15">
      <c r="B88" s="317"/>
      <c r="D88" s="405" t="s">
        <v>152</v>
      </c>
      <c r="E88" s="406">
        <v>350</v>
      </c>
      <c r="F88" s="407">
        <v>350</v>
      </c>
      <c r="G88" s="407">
        <v>288</v>
      </c>
      <c r="H88" s="407">
        <v>261</v>
      </c>
      <c r="I88" s="407">
        <v>18</v>
      </c>
      <c r="J88" s="408">
        <v>279</v>
      </c>
      <c r="K88" s="354">
        <v>0.8</v>
      </c>
      <c r="L88" s="355">
        <v>0.91</v>
      </c>
      <c r="M88" s="317"/>
    </row>
    <row r="89" spans="2:13" ht="22.5" customHeight="1" x14ac:dyDescent="0.15">
      <c r="B89" s="317"/>
      <c r="C89" s="309" t="s">
        <v>276</v>
      </c>
      <c r="D89" s="309" t="s">
        <v>277</v>
      </c>
      <c r="E89" s="374">
        <v>70</v>
      </c>
      <c r="F89" s="339">
        <v>56</v>
      </c>
      <c r="G89" s="339">
        <v>40</v>
      </c>
      <c r="H89" s="340" t="s">
        <v>174</v>
      </c>
      <c r="I89" s="340" t="s">
        <v>174</v>
      </c>
      <c r="J89" s="339">
        <v>39</v>
      </c>
      <c r="K89" s="311">
        <v>0.7</v>
      </c>
      <c r="L89" s="341">
        <v>0.71</v>
      </c>
      <c r="M89" s="317"/>
    </row>
    <row r="90" spans="2:13" ht="7.5" customHeight="1" x14ac:dyDescent="0.15">
      <c r="B90" s="317"/>
      <c r="C90" s="343"/>
      <c r="D90" s="343"/>
      <c r="E90" s="338"/>
      <c r="F90" s="310"/>
      <c r="G90" s="310"/>
      <c r="H90" s="310"/>
      <c r="I90" s="310"/>
      <c r="J90" s="339"/>
      <c r="K90" s="311"/>
      <c r="L90" s="341"/>
      <c r="M90" s="317"/>
    </row>
    <row r="91" spans="2:13" ht="7.5" customHeight="1" x14ac:dyDescent="0.15">
      <c r="B91" s="344"/>
      <c r="C91" s="345"/>
      <c r="D91" s="345"/>
      <c r="E91" s="346"/>
      <c r="F91" s="347"/>
      <c r="G91" s="347"/>
      <c r="H91" s="347"/>
      <c r="I91" s="347"/>
      <c r="J91" s="348"/>
      <c r="K91" s="349"/>
      <c r="L91" s="350"/>
      <c r="M91" s="317"/>
    </row>
    <row r="92" spans="2:13" s="356" customFormat="1" x14ac:dyDescent="0.15">
      <c r="B92" s="351"/>
      <c r="C92" s="674" t="s">
        <v>139</v>
      </c>
      <c r="D92" s="675"/>
      <c r="E92" s="352">
        <v>420</v>
      </c>
      <c r="F92" s="352">
        <v>406</v>
      </c>
      <c r="G92" s="352">
        <v>328</v>
      </c>
      <c r="H92" s="340" t="s">
        <v>247</v>
      </c>
      <c r="I92" s="340" t="s">
        <v>247</v>
      </c>
      <c r="J92" s="352">
        <v>318</v>
      </c>
      <c r="K92" s="354">
        <v>0.78</v>
      </c>
      <c r="L92" s="355">
        <v>0.64</v>
      </c>
      <c r="M92" s="351"/>
    </row>
    <row r="93" spans="2:13" ht="7.5" customHeight="1" x14ac:dyDescent="0.15">
      <c r="B93" s="329"/>
      <c r="C93" s="357"/>
      <c r="D93" s="357"/>
      <c r="E93" s="358"/>
      <c r="F93" s="359"/>
      <c r="G93" s="359"/>
      <c r="H93" s="359"/>
      <c r="I93" s="359"/>
      <c r="J93" s="360"/>
      <c r="K93" s="361"/>
      <c r="L93" s="362"/>
      <c r="M93" s="317"/>
    </row>
    <row r="94" spans="2:13" x14ac:dyDescent="0.15">
      <c r="B94" s="679"/>
      <c r="C94" s="679"/>
      <c r="D94" s="679"/>
      <c r="E94" s="679"/>
      <c r="F94" s="679"/>
      <c r="G94" s="679"/>
      <c r="H94" s="679"/>
      <c r="I94" s="679"/>
      <c r="J94" s="679"/>
      <c r="K94" s="679"/>
      <c r="L94" s="679"/>
    </row>
    <row r="95" spans="2:13" s="373" customFormat="1" x14ac:dyDescent="0.15">
      <c r="B95" s="373" t="s">
        <v>278</v>
      </c>
      <c r="E95" s="376"/>
      <c r="F95" s="376"/>
      <c r="G95" s="376"/>
      <c r="H95" s="376"/>
      <c r="I95" s="376"/>
      <c r="K95" s="377"/>
      <c r="L95" s="409"/>
    </row>
    <row r="96" spans="2:13" s="373" customFormat="1" ht="7.5" customHeight="1" x14ac:dyDescent="0.15">
      <c r="B96" s="410"/>
      <c r="C96" s="411"/>
      <c r="D96" s="411"/>
      <c r="E96" s="412"/>
      <c r="F96" s="411"/>
      <c r="G96" s="411"/>
      <c r="H96" s="411"/>
      <c r="I96" s="411"/>
      <c r="J96" s="413"/>
      <c r="K96" s="413"/>
      <c r="L96" s="414"/>
      <c r="M96" s="382"/>
    </row>
    <row r="97" spans="1:13" s="373" customFormat="1" ht="15.75" customHeight="1" x14ac:dyDescent="0.15">
      <c r="B97" s="382"/>
      <c r="E97" s="415" t="s">
        <v>236</v>
      </c>
      <c r="F97" s="416" t="s">
        <v>237</v>
      </c>
      <c r="G97" s="417" t="s">
        <v>7</v>
      </c>
      <c r="H97" s="363" t="s">
        <v>8</v>
      </c>
      <c r="I97" s="364"/>
      <c r="J97" s="365"/>
      <c r="K97" s="418" t="s">
        <v>9</v>
      </c>
      <c r="L97" s="677" t="s">
        <v>10</v>
      </c>
      <c r="M97" s="382"/>
    </row>
    <row r="98" spans="1:13" s="373" customFormat="1" ht="14.25" customHeight="1" x14ac:dyDescent="0.15">
      <c r="B98" s="382"/>
      <c r="C98" s="373" t="s">
        <v>0</v>
      </c>
      <c r="D98" s="373" t="s">
        <v>164</v>
      </c>
      <c r="E98" s="419" t="s">
        <v>239</v>
      </c>
      <c r="F98" s="420" t="s">
        <v>240</v>
      </c>
      <c r="G98" s="420" t="s">
        <v>12</v>
      </c>
      <c r="H98" s="366" t="s">
        <v>13</v>
      </c>
      <c r="I98" s="367"/>
      <c r="J98" s="368"/>
      <c r="K98" s="422" t="s">
        <v>249</v>
      </c>
      <c r="L98" s="677"/>
      <c r="M98" s="382"/>
    </row>
    <row r="99" spans="1:13" s="373" customFormat="1" ht="14.25" customHeight="1" x14ac:dyDescent="0.15">
      <c r="B99" s="382"/>
      <c r="C99" s="423"/>
      <c r="D99" s="424"/>
      <c r="E99" s="419"/>
      <c r="F99" s="420" t="s">
        <v>16</v>
      </c>
      <c r="G99" s="420"/>
      <c r="H99" s="367" t="s">
        <v>17</v>
      </c>
      <c r="I99" s="369"/>
      <c r="J99" s="368"/>
      <c r="K99" s="422" t="s">
        <v>18</v>
      </c>
      <c r="L99" s="677"/>
      <c r="M99" s="382"/>
    </row>
    <row r="100" spans="1:13" s="373" customFormat="1" ht="6" customHeight="1" x14ac:dyDescent="0.15">
      <c r="B100" s="425"/>
      <c r="C100" s="426"/>
      <c r="D100" s="427"/>
      <c r="E100" s="428"/>
      <c r="F100" s="429"/>
      <c r="G100" s="429"/>
      <c r="H100" s="370"/>
      <c r="I100" s="371"/>
      <c r="J100" s="372"/>
      <c r="K100" s="430"/>
      <c r="L100" s="431"/>
      <c r="M100" s="382"/>
    </row>
    <row r="101" spans="1:13" s="373" customFormat="1" ht="7.5" customHeight="1" x14ac:dyDescent="0.15">
      <c r="B101" s="410"/>
      <c r="C101" s="423"/>
      <c r="D101" s="423"/>
      <c r="E101" s="432"/>
      <c r="J101" s="423"/>
      <c r="K101" s="423"/>
      <c r="L101" s="433"/>
      <c r="M101" s="382"/>
    </row>
    <row r="102" spans="1:13" s="373" customFormat="1" ht="14.25" customHeight="1" x14ac:dyDescent="0.15">
      <c r="B102" s="382"/>
      <c r="C102" s="373" t="s">
        <v>279</v>
      </c>
      <c r="D102" s="373" t="s">
        <v>169</v>
      </c>
      <c r="E102" s="434">
        <v>35</v>
      </c>
      <c r="F102" s="385">
        <v>28</v>
      </c>
      <c r="G102" s="385">
        <v>2</v>
      </c>
      <c r="H102" s="386"/>
      <c r="I102" s="386"/>
      <c r="J102" s="385">
        <v>2</v>
      </c>
      <c r="K102" s="377">
        <v>7.0000000000000007E-2</v>
      </c>
      <c r="L102" s="396">
        <v>0.11</v>
      </c>
      <c r="M102" s="382"/>
    </row>
    <row r="103" spans="1:13" s="373" customFormat="1" ht="14.25" customHeight="1" x14ac:dyDescent="0.15">
      <c r="B103" s="382"/>
      <c r="C103" s="373" t="s">
        <v>170</v>
      </c>
      <c r="D103" s="373" t="s">
        <v>171</v>
      </c>
      <c r="E103" s="434">
        <v>35</v>
      </c>
      <c r="F103" s="385">
        <v>28</v>
      </c>
      <c r="G103" s="385">
        <v>8</v>
      </c>
      <c r="H103" s="386"/>
      <c r="I103" s="386"/>
      <c r="J103" s="385">
        <v>8</v>
      </c>
      <c r="K103" s="377">
        <v>0.28999999999999998</v>
      </c>
      <c r="L103" s="396">
        <v>0.21</v>
      </c>
      <c r="M103" s="382"/>
    </row>
    <row r="104" spans="1:13" s="373" customFormat="1" ht="14.25" customHeight="1" x14ac:dyDescent="0.15">
      <c r="B104" s="382"/>
      <c r="C104" s="373" t="s">
        <v>170</v>
      </c>
      <c r="D104" s="373" t="s">
        <v>172</v>
      </c>
      <c r="E104" s="434">
        <v>35</v>
      </c>
      <c r="F104" s="385">
        <v>28</v>
      </c>
      <c r="G104" s="385">
        <v>6</v>
      </c>
      <c r="H104" s="386"/>
      <c r="I104" s="386"/>
      <c r="J104" s="385">
        <v>5</v>
      </c>
      <c r="K104" s="377">
        <v>0.18</v>
      </c>
      <c r="L104" s="396">
        <v>0.04</v>
      </c>
      <c r="M104" s="382"/>
    </row>
    <row r="105" spans="1:13" s="401" customFormat="1" ht="14.25" customHeight="1" x14ac:dyDescent="0.15">
      <c r="B105" s="435"/>
      <c r="C105" s="373"/>
      <c r="D105" s="401" t="s">
        <v>152</v>
      </c>
      <c r="E105" s="436">
        <v>105</v>
      </c>
      <c r="F105" s="437">
        <v>84</v>
      </c>
      <c r="G105" s="437">
        <v>16</v>
      </c>
      <c r="H105" s="437"/>
      <c r="I105" s="437"/>
      <c r="J105" s="437">
        <v>15</v>
      </c>
      <c r="K105" s="438">
        <v>0.18</v>
      </c>
      <c r="L105" s="402">
        <v>0.12</v>
      </c>
      <c r="M105" s="435"/>
    </row>
    <row r="106" spans="1:13" s="373" customFormat="1" ht="7.5" customHeight="1" x14ac:dyDescent="0.15">
      <c r="B106" s="439"/>
      <c r="C106" s="440"/>
      <c r="D106" s="440"/>
      <c r="E106" s="441"/>
      <c r="F106" s="442"/>
      <c r="G106" s="442"/>
      <c r="H106" s="442"/>
      <c r="I106" s="442"/>
      <c r="J106" s="442"/>
      <c r="K106" s="443"/>
      <c r="L106" s="444"/>
    </row>
    <row r="107" spans="1:13" x14ac:dyDescent="0.15">
      <c r="B107" s="445" t="s">
        <v>280</v>
      </c>
    </row>
    <row r="108" spans="1:13" ht="7.5" customHeight="1" x14ac:dyDescent="0.15"/>
    <row r="109" spans="1:13" ht="15" customHeight="1" x14ac:dyDescent="0.15">
      <c r="A109" s="446"/>
      <c r="B109" s="447" t="s">
        <v>281</v>
      </c>
      <c r="C109" s="446"/>
      <c r="D109" s="446"/>
    </row>
    <row r="110" spans="1:13" ht="15" customHeight="1" x14ac:dyDescent="0.15">
      <c r="A110" s="446"/>
      <c r="B110" s="446" t="s">
        <v>282</v>
      </c>
      <c r="C110" s="446"/>
      <c r="D110" s="446"/>
    </row>
    <row r="111" spans="1:13" ht="6.75" customHeight="1" x14ac:dyDescent="0.15">
      <c r="A111" s="446"/>
      <c r="B111" s="448"/>
      <c r="C111" s="449"/>
      <c r="D111" s="449"/>
      <c r="E111" s="210"/>
      <c r="F111" s="314"/>
      <c r="G111" s="314"/>
      <c r="H111" s="314"/>
      <c r="I111" s="314"/>
      <c r="J111" s="315"/>
      <c r="K111" s="315"/>
      <c r="L111" s="316"/>
      <c r="M111" s="317"/>
    </row>
    <row r="112" spans="1:13" ht="15" customHeight="1" x14ac:dyDescent="0.15">
      <c r="A112" s="446"/>
      <c r="B112" s="450"/>
      <c r="C112" s="446"/>
      <c r="D112" s="446"/>
      <c r="E112" s="18" t="s">
        <v>236</v>
      </c>
      <c r="F112" s="318" t="s">
        <v>237</v>
      </c>
      <c r="G112" s="319" t="s">
        <v>7</v>
      </c>
      <c r="H112" s="169"/>
      <c r="I112" s="170"/>
      <c r="J112" s="22"/>
      <c r="K112" s="19"/>
      <c r="L112" s="673" t="s">
        <v>10</v>
      </c>
      <c r="M112" s="317"/>
    </row>
    <row r="113" spans="1:13" ht="15" customHeight="1" x14ac:dyDescent="0.15">
      <c r="A113" s="446"/>
      <c r="B113" s="450"/>
      <c r="C113" s="309" t="s">
        <v>0</v>
      </c>
      <c r="D113" s="309" t="s">
        <v>164</v>
      </c>
      <c r="E113" s="26" t="s">
        <v>239</v>
      </c>
      <c r="F113" s="322" t="s">
        <v>240</v>
      </c>
      <c r="G113" s="322" t="s">
        <v>12</v>
      </c>
      <c r="H113" s="28" t="s">
        <v>144</v>
      </c>
      <c r="I113" s="28"/>
      <c r="J113" s="28"/>
      <c r="K113" s="325" t="s">
        <v>14</v>
      </c>
      <c r="L113" s="673"/>
      <c r="M113" s="317"/>
    </row>
    <row r="114" spans="1:13" ht="15" customHeight="1" x14ac:dyDescent="0.15">
      <c r="A114" s="446"/>
      <c r="B114" s="450"/>
      <c r="C114" s="451"/>
      <c r="D114" s="452"/>
      <c r="E114" s="26"/>
      <c r="F114" s="322" t="s">
        <v>16</v>
      </c>
      <c r="G114" s="322"/>
      <c r="H114" s="453" t="s">
        <v>283</v>
      </c>
      <c r="I114" s="32"/>
      <c r="J114" s="30"/>
      <c r="K114" s="325" t="s">
        <v>18</v>
      </c>
      <c r="L114" s="673"/>
      <c r="M114" s="317"/>
    </row>
    <row r="115" spans="1:13" ht="6.75" customHeight="1" x14ac:dyDescent="0.15">
      <c r="A115" s="446"/>
      <c r="B115" s="454"/>
      <c r="C115" s="455"/>
      <c r="D115" s="456"/>
      <c r="E115" s="37"/>
      <c r="F115" s="332"/>
      <c r="G115" s="332"/>
      <c r="H115" s="39"/>
      <c r="I115" s="36"/>
      <c r="J115" s="40"/>
      <c r="K115" s="335"/>
      <c r="L115" s="336"/>
      <c r="M115" s="317"/>
    </row>
    <row r="116" spans="1:13" ht="6.75" customHeight="1" x14ac:dyDescent="0.15">
      <c r="A116" s="446"/>
      <c r="B116" s="448"/>
      <c r="C116" s="457"/>
      <c r="D116" s="457"/>
      <c r="E116" s="338"/>
      <c r="F116" s="310"/>
      <c r="G116" s="310"/>
      <c r="H116" s="310"/>
      <c r="I116" s="310"/>
      <c r="J116" s="310"/>
      <c r="K116" s="311"/>
      <c r="L116" s="458"/>
      <c r="M116" s="317"/>
    </row>
    <row r="117" spans="1:13" ht="15" customHeight="1" x14ac:dyDescent="0.15">
      <c r="A117" s="446"/>
      <c r="B117" s="450"/>
      <c r="C117" s="446" t="s">
        <v>284</v>
      </c>
      <c r="D117" s="446" t="s">
        <v>153</v>
      </c>
      <c r="E117" s="374"/>
      <c r="F117" s="459"/>
      <c r="G117" s="339"/>
      <c r="H117" s="340"/>
      <c r="I117" s="340"/>
      <c r="J117" s="339"/>
      <c r="K117" s="311"/>
      <c r="L117" s="341"/>
      <c r="M117" s="317"/>
    </row>
    <row r="118" spans="1:13" ht="15" customHeight="1" x14ac:dyDescent="0.15">
      <c r="A118" s="446"/>
      <c r="B118" s="450"/>
      <c r="C118" s="446" t="s">
        <v>285</v>
      </c>
      <c r="D118" s="446" t="s">
        <v>153</v>
      </c>
      <c r="E118" s="374"/>
      <c r="F118" s="339"/>
      <c r="G118" s="339"/>
      <c r="H118" s="340"/>
      <c r="I118" s="340"/>
      <c r="J118" s="339"/>
      <c r="K118" s="311"/>
      <c r="L118" s="341"/>
      <c r="M118" s="317"/>
    </row>
    <row r="119" spans="1:13" ht="6.75" customHeight="1" x14ac:dyDescent="0.15">
      <c r="A119" s="446"/>
      <c r="B119" s="450"/>
      <c r="C119" s="460"/>
      <c r="D119" s="460"/>
      <c r="E119" s="338"/>
      <c r="F119" s="310"/>
      <c r="G119" s="310"/>
      <c r="H119" s="310"/>
      <c r="I119" s="310"/>
      <c r="J119" s="339"/>
      <c r="K119" s="311"/>
      <c r="L119" s="403"/>
      <c r="M119" s="317"/>
    </row>
    <row r="120" spans="1:13" ht="6.75" customHeight="1" x14ac:dyDescent="0.15">
      <c r="A120" s="446"/>
      <c r="B120" s="461"/>
      <c r="C120" s="462"/>
      <c r="D120" s="463"/>
      <c r="E120" s="346"/>
      <c r="F120" s="347"/>
      <c r="G120" s="347"/>
      <c r="H120" s="347"/>
      <c r="I120" s="347"/>
      <c r="J120" s="348"/>
      <c r="K120" s="349"/>
      <c r="L120" s="404"/>
      <c r="M120" s="317"/>
    </row>
    <row r="121" spans="1:13" ht="15" customHeight="1" x14ac:dyDescent="0.15">
      <c r="A121" s="446"/>
      <c r="B121" s="450"/>
      <c r="C121" s="678" t="s">
        <v>139</v>
      </c>
      <c r="D121" s="678"/>
      <c r="E121" s="375"/>
      <c r="F121" s="352"/>
      <c r="G121" s="353"/>
      <c r="H121" s="352"/>
      <c r="I121" s="352"/>
      <c r="J121" s="353"/>
      <c r="K121" s="354"/>
      <c r="L121" s="355"/>
      <c r="M121" s="317"/>
    </row>
    <row r="122" spans="1:13" ht="6.75" customHeight="1" x14ac:dyDescent="0.15">
      <c r="A122" s="446"/>
      <c r="B122" s="454"/>
      <c r="C122" s="464"/>
      <c r="D122" s="464"/>
      <c r="E122" s="358"/>
      <c r="F122" s="359"/>
      <c r="G122" s="359"/>
      <c r="H122" s="359"/>
      <c r="I122" s="359"/>
      <c r="J122" s="360"/>
      <c r="K122" s="361"/>
      <c r="L122" s="362"/>
      <c r="M122" s="317"/>
    </row>
    <row r="123" spans="1:13" ht="15" customHeight="1" x14ac:dyDescent="0.15">
      <c r="B123" s="465"/>
      <c r="C123" s="177"/>
    </row>
    <row r="124" spans="1:13" x14ac:dyDescent="0.15">
      <c r="B124" s="466"/>
    </row>
  </sheetData>
  <mergeCells count="15">
    <mergeCell ref="L97:L99"/>
    <mergeCell ref="L112:L114"/>
    <mergeCell ref="C121:D121"/>
    <mergeCell ref="L54:L56"/>
    <mergeCell ref="C74:D74"/>
    <mergeCell ref="B76:L76"/>
    <mergeCell ref="L80:L82"/>
    <mergeCell ref="C92:D92"/>
    <mergeCell ref="B94:L94"/>
    <mergeCell ref="L43:L45"/>
    <mergeCell ref="L6:L8"/>
    <mergeCell ref="C21:D21"/>
    <mergeCell ref="L28:L30"/>
    <mergeCell ref="C37:D37"/>
    <mergeCell ref="B39:J39"/>
  </mergeCells>
  <phoneticPr fontId="5"/>
  <conditionalFormatting sqref="M68:M71">
    <cfRule type="cellIs" dxfId="0" priority="3" stopIfTrue="1" operator="equal">
      <formula>"^^;"</formula>
    </cfRule>
  </conditionalFormatting>
  <pageMargins left="0.78740157480314965" right="0.78740157480314965" top="0.59055118110236227" bottom="0.55118110236220474" header="0.74803149606299213" footer="0.39370078740157483"/>
  <pageSetup paperSize="9" scale="84" firstPageNumber="11" fitToHeight="0" orientation="portrait" useFirstPageNumber="1" r:id="rId1"/>
  <headerFooter alignWithMargins="0">
    <oddFooter>&amp;C&amp;"Century,標準"&amp;14&amp;P</oddFooter>
  </headerFooter>
  <rowBreaks count="1" manualBreakCount="1">
    <brk id="50" max="17" man="1"/>
  </rowBreaks>
  <colBreaks count="1" manualBreakCount="1">
    <brk id="12" max="122"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9C1A05-0CF3-422A-B0C3-AD0DDE49A432}">
  <sheetPr>
    <pageSetUpPr fitToPage="1"/>
  </sheetPr>
  <dimension ref="A1:J145"/>
  <sheetViews>
    <sheetView showGridLines="0" view="pageBreakPreview" zoomScale="85" zoomScaleNormal="85" zoomScaleSheetLayoutView="85" workbookViewId="0"/>
  </sheetViews>
  <sheetFormatPr defaultColWidth="9" defaultRowHeight="13.5" x14ac:dyDescent="0.15"/>
  <cols>
    <col min="1" max="2" width="1.5" style="161" customWidth="1"/>
    <col min="3" max="3" width="17.5" style="161" bestFit="1" customWidth="1"/>
    <col min="4" max="4" width="30.5" style="161" customWidth="1"/>
    <col min="5" max="5" width="9.125" style="161" bestFit="1" customWidth="1"/>
    <col min="6" max="7" width="9" style="161"/>
    <col min="8" max="8" width="8.375" style="161" customWidth="1"/>
    <col min="9" max="9" width="7.125" style="161" customWidth="1"/>
    <col min="10" max="10" width="1.5" style="161" customWidth="1"/>
    <col min="11" max="16384" width="9" style="161"/>
  </cols>
  <sheetData>
    <row r="1" spans="1:10" s="48" customFormat="1" ht="14.25" x14ac:dyDescent="0.15">
      <c r="B1" s="7" t="s">
        <v>140</v>
      </c>
      <c r="C1" s="203"/>
      <c r="E1" s="50"/>
      <c r="H1" s="204"/>
      <c r="I1" s="205"/>
    </row>
    <row r="2" spans="1:10" s="48" customFormat="1" ht="14.1" customHeight="1" x14ac:dyDescent="0.2">
      <c r="A2" s="206"/>
      <c r="E2" s="50"/>
      <c r="F2" s="207"/>
      <c r="H2" s="204"/>
      <c r="I2" s="205"/>
    </row>
    <row r="3" spans="1:10" ht="14.25" customHeight="1" x14ac:dyDescent="0.15">
      <c r="B3" s="161" t="s">
        <v>141</v>
      </c>
      <c r="E3" s="162"/>
      <c r="H3" s="208"/>
      <c r="I3" s="209"/>
    </row>
    <row r="4" spans="1:10" ht="7.5" customHeight="1" x14ac:dyDescent="0.15">
      <c r="B4" s="163"/>
      <c r="C4" s="164"/>
      <c r="D4" s="164"/>
      <c r="E4" s="210"/>
      <c r="F4" s="211"/>
      <c r="G4" s="211"/>
      <c r="H4" s="211"/>
      <c r="I4" s="212"/>
      <c r="J4" s="168"/>
    </row>
    <row r="5" spans="1:10" ht="14.25" customHeight="1" x14ac:dyDescent="0.15">
      <c r="B5" s="168"/>
      <c r="E5" s="18"/>
      <c r="F5" s="213" t="s">
        <v>7</v>
      </c>
      <c r="G5" s="214" t="s">
        <v>142</v>
      </c>
      <c r="H5" s="19" t="s">
        <v>9</v>
      </c>
      <c r="I5" s="642" t="s">
        <v>10</v>
      </c>
      <c r="J5" s="168"/>
    </row>
    <row r="6" spans="1:10" ht="14.25" customHeight="1" x14ac:dyDescent="0.15">
      <c r="B6" s="168"/>
      <c r="C6" s="161" t="s">
        <v>0</v>
      </c>
      <c r="D6" s="161" t="s">
        <v>143</v>
      </c>
      <c r="E6" s="26" t="s">
        <v>11</v>
      </c>
      <c r="F6" s="31" t="s">
        <v>12</v>
      </c>
      <c r="G6" s="31" t="s">
        <v>144</v>
      </c>
      <c r="H6" s="31" t="s">
        <v>14</v>
      </c>
      <c r="I6" s="642"/>
      <c r="J6" s="168"/>
    </row>
    <row r="7" spans="1:10" ht="14.25" customHeight="1" x14ac:dyDescent="0.15">
      <c r="B7" s="168"/>
      <c r="C7" s="171"/>
      <c r="D7" s="215"/>
      <c r="E7" s="32" t="s">
        <v>145</v>
      </c>
      <c r="F7" s="121"/>
      <c r="G7" s="121" t="s">
        <v>17</v>
      </c>
      <c r="H7" s="31" t="s">
        <v>18</v>
      </c>
      <c r="I7" s="642"/>
      <c r="J7" s="168"/>
    </row>
    <row r="8" spans="1:10" ht="7.5" customHeight="1" x14ac:dyDescent="0.15">
      <c r="B8" s="172"/>
      <c r="C8" s="216"/>
      <c r="D8" s="217"/>
      <c r="E8" s="37"/>
      <c r="F8" s="39"/>
      <c r="G8" s="39"/>
      <c r="H8" s="41"/>
      <c r="I8" s="218"/>
      <c r="J8" s="168"/>
    </row>
    <row r="9" spans="1:10" ht="7.5" customHeight="1" x14ac:dyDescent="0.15">
      <c r="B9" s="163"/>
      <c r="C9" s="211"/>
      <c r="D9" s="211"/>
      <c r="E9" s="219"/>
      <c r="F9" s="211"/>
      <c r="G9" s="211"/>
      <c r="H9" s="211"/>
      <c r="I9" s="220"/>
      <c r="J9" s="168"/>
    </row>
    <row r="10" spans="1:10" ht="14.25" customHeight="1" x14ac:dyDescent="0.15">
      <c r="B10" s="168"/>
      <c r="C10" s="161" t="s">
        <v>146</v>
      </c>
      <c r="D10" s="161" t="s">
        <v>147</v>
      </c>
      <c r="E10" s="221">
        <v>10</v>
      </c>
      <c r="F10" s="222">
        <v>17</v>
      </c>
      <c r="G10" s="222">
        <v>16</v>
      </c>
      <c r="H10" s="223">
        <v>1.6</v>
      </c>
      <c r="I10" s="224">
        <v>1.1000000000000001</v>
      </c>
      <c r="J10" s="168"/>
    </row>
    <row r="11" spans="1:10" ht="21" customHeight="1" x14ac:dyDescent="0.15">
      <c r="B11" s="168"/>
      <c r="C11" s="161" t="s">
        <v>148</v>
      </c>
      <c r="D11" s="161" t="s">
        <v>149</v>
      </c>
      <c r="E11" s="221">
        <v>20</v>
      </c>
      <c r="F11" s="222">
        <v>11</v>
      </c>
      <c r="G11" s="222">
        <v>11</v>
      </c>
      <c r="H11" s="223">
        <v>0.55000000000000004</v>
      </c>
      <c r="I11" s="226">
        <v>0.75</v>
      </c>
      <c r="J11" s="168"/>
    </row>
    <row r="12" spans="1:10" ht="14.25" customHeight="1" x14ac:dyDescent="0.15">
      <c r="B12" s="168"/>
      <c r="C12" s="161" t="s">
        <v>150</v>
      </c>
      <c r="D12" s="161" t="s">
        <v>151</v>
      </c>
      <c r="E12" s="221">
        <v>5</v>
      </c>
      <c r="F12" s="222">
        <v>5</v>
      </c>
      <c r="G12" s="222">
        <v>5</v>
      </c>
      <c r="H12" s="223">
        <v>1</v>
      </c>
      <c r="I12" s="227">
        <v>0.8</v>
      </c>
      <c r="J12" s="168"/>
    </row>
    <row r="13" spans="1:10" ht="14.25" customHeight="1" x14ac:dyDescent="0.15">
      <c r="B13" s="168"/>
      <c r="D13" s="228" t="s">
        <v>152</v>
      </c>
      <c r="E13" s="229">
        <v>25</v>
      </c>
      <c r="F13" s="230">
        <v>16</v>
      </c>
      <c r="G13" s="230">
        <v>16</v>
      </c>
      <c r="H13" s="231">
        <v>0.64</v>
      </c>
      <c r="I13" s="232">
        <v>0.76</v>
      </c>
      <c r="J13" s="168"/>
    </row>
    <row r="14" spans="1:10" ht="19.5" customHeight="1" x14ac:dyDescent="0.15">
      <c r="B14" s="168"/>
      <c r="C14" s="161" t="s">
        <v>52</v>
      </c>
      <c r="D14" s="161" t="s">
        <v>153</v>
      </c>
      <c r="E14" s="221">
        <v>10</v>
      </c>
      <c r="F14" s="222">
        <v>9</v>
      </c>
      <c r="G14" s="222">
        <v>8</v>
      </c>
      <c r="H14" s="223">
        <v>0.8</v>
      </c>
      <c r="I14" s="224">
        <v>1.1000000000000001</v>
      </c>
      <c r="J14" s="168"/>
    </row>
    <row r="15" spans="1:10" ht="14.25" customHeight="1" x14ac:dyDescent="0.15">
      <c r="B15" s="168"/>
      <c r="C15" s="161" t="s">
        <v>154</v>
      </c>
      <c r="D15" s="161" t="s">
        <v>153</v>
      </c>
      <c r="E15" s="221">
        <v>10</v>
      </c>
      <c r="F15" s="222">
        <v>1</v>
      </c>
      <c r="G15" s="222">
        <v>1</v>
      </c>
      <c r="H15" s="223">
        <v>0.1</v>
      </c>
      <c r="I15" s="226">
        <v>0.1</v>
      </c>
      <c r="J15" s="168"/>
    </row>
    <row r="16" spans="1:10" ht="14.25" customHeight="1" x14ac:dyDescent="0.15">
      <c r="B16" s="168"/>
      <c r="C16" s="161" t="s">
        <v>155</v>
      </c>
      <c r="D16" s="161" t="s">
        <v>153</v>
      </c>
      <c r="E16" s="221">
        <v>15</v>
      </c>
      <c r="F16" s="222">
        <v>3</v>
      </c>
      <c r="G16" s="222">
        <v>3</v>
      </c>
      <c r="H16" s="223">
        <v>0.2</v>
      </c>
      <c r="I16" s="233">
        <v>0.27</v>
      </c>
      <c r="J16" s="168"/>
    </row>
    <row r="17" spans="2:10" ht="14.25" customHeight="1" x14ac:dyDescent="0.15">
      <c r="B17" s="168"/>
      <c r="C17" s="161" t="s">
        <v>156</v>
      </c>
      <c r="D17" s="161" t="s">
        <v>157</v>
      </c>
      <c r="E17" s="221">
        <v>5</v>
      </c>
      <c r="F17" s="222">
        <v>5</v>
      </c>
      <c r="G17" s="222">
        <v>4</v>
      </c>
      <c r="H17" s="223">
        <v>0.8</v>
      </c>
      <c r="I17" s="226">
        <v>1</v>
      </c>
      <c r="J17" s="168"/>
    </row>
    <row r="18" spans="2:10" ht="14.25" customHeight="1" x14ac:dyDescent="0.15">
      <c r="B18" s="168"/>
      <c r="C18" s="161" t="s">
        <v>158</v>
      </c>
      <c r="D18" s="161" t="s">
        <v>153</v>
      </c>
      <c r="E18" s="221">
        <v>10</v>
      </c>
      <c r="F18" s="222">
        <v>4</v>
      </c>
      <c r="G18" s="222">
        <v>4</v>
      </c>
      <c r="H18" s="223">
        <v>0.4</v>
      </c>
      <c r="I18" s="226">
        <v>0.4</v>
      </c>
      <c r="J18" s="168"/>
    </row>
    <row r="19" spans="2:10" ht="21.75" customHeight="1" x14ac:dyDescent="0.15">
      <c r="B19" s="168"/>
      <c r="C19" s="234" t="s">
        <v>159</v>
      </c>
      <c r="D19" s="234"/>
      <c r="E19" s="235">
        <v>85</v>
      </c>
      <c r="F19" s="236">
        <v>55</v>
      </c>
      <c r="G19" s="236">
        <v>52</v>
      </c>
      <c r="H19" s="237">
        <v>0.61</v>
      </c>
      <c r="I19" s="238">
        <v>0.65</v>
      </c>
      <c r="J19" s="168"/>
    </row>
    <row r="20" spans="2:10" ht="21.75" customHeight="1" x14ac:dyDescent="0.15">
      <c r="B20" s="168"/>
      <c r="C20" s="161" t="s">
        <v>160</v>
      </c>
      <c r="D20" s="161" t="s">
        <v>161</v>
      </c>
      <c r="E20" s="221">
        <v>10</v>
      </c>
      <c r="F20" s="222">
        <v>6</v>
      </c>
      <c r="G20" s="222">
        <v>5</v>
      </c>
      <c r="H20" s="208">
        <v>0.5</v>
      </c>
      <c r="I20" s="239">
        <v>0.3</v>
      </c>
      <c r="J20" s="168"/>
    </row>
    <row r="21" spans="2:10" ht="7.5" customHeight="1" x14ac:dyDescent="0.15">
      <c r="B21" s="168"/>
      <c r="C21" s="240"/>
      <c r="D21" s="240"/>
      <c r="E21" s="221"/>
      <c r="F21" s="222"/>
      <c r="G21" s="222"/>
      <c r="H21" s="208"/>
      <c r="I21" s="239"/>
      <c r="J21" s="168"/>
    </row>
    <row r="22" spans="2:10" ht="7.5" customHeight="1" x14ac:dyDescent="0.15">
      <c r="B22" s="186"/>
      <c r="C22" s="241"/>
      <c r="D22" s="241"/>
      <c r="E22" s="242"/>
      <c r="F22" s="243"/>
      <c r="G22" s="243"/>
      <c r="H22" s="244"/>
      <c r="I22" s="245"/>
      <c r="J22" s="168"/>
    </row>
    <row r="23" spans="2:10" ht="14.25" customHeight="1" x14ac:dyDescent="0.15">
      <c r="B23" s="168"/>
      <c r="C23" s="663" t="s">
        <v>139</v>
      </c>
      <c r="D23" s="664"/>
      <c r="E23" s="235">
        <v>95</v>
      </c>
      <c r="F23" s="230">
        <v>61</v>
      </c>
      <c r="G23" s="230">
        <v>57</v>
      </c>
      <c r="H23" s="237">
        <v>0.6</v>
      </c>
      <c r="I23" s="238">
        <v>0.61</v>
      </c>
      <c r="J23" s="168"/>
    </row>
    <row r="24" spans="2:10" ht="7.5" customHeight="1" x14ac:dyDescent="0.15">
      <c r="B24" s="172"/>
      <c r="C24" s="246"/>
      <c r="D24" s="246"/>
      <c r="E24" s="199"/>
      <c r="F24" s="247"/>
      <c r="G24" s="247"/>
      <c r="H24" s="248"/>
      <c r="I24" s="202"/>
      <c r="J24" s="168"/>
    </row>
    <row r="25" spans="2:10" x14ac:dyDescent="0.15">
      <c r="B25" s="680" t="s">
        <v>162</v>
      </c>
      <c r="C25" s="680"/>
      <c r="D25" s="680"/>
      <c r="E25" s="680"/>
      <c r="F25" s="680"/>
      <c r="G25" s="680"/>
      <c r="H25" s="680"/>
    </row>
    <row r="26" spans="2:10" ht="14.25" customHeight="1" x14ac:dyDescent="0.15">
      <c r="B26" s="681"/>
      <c r="C26" s="681"/>
      <c r="D26" s="681"/>
      <c r="E26" s="681"/>
      <c r="F26" s="681"/>
      <c r="G26" s="681"/>
      <c r="H26" s="681"/>
    </row>
    <row r="27" spans="2:10" x14ac:dyDescent="0.15">
      <c r="B27" s="682"/>
      <c r="C27" s="682"/>
      <c r="D27" s="682"/>
      <c r="E27" s="682"/>
      <c r="F27" s="682"/>
      <c r="G27" s="682"/>
      <c r="H27" s="682"/>
      <c r="I27" s="162"/>
    </row>
    <row r="28" spans="2:10" ht="14.25" customHeight="1" x14ac:dyDescent="0.15">
      <c r="B28" s="161" t="s">
        <v>163</v>
      </c>
      <c r="E28" s="162"/>
      <c r="H28" s="208"/>
      <c r="I28" s="209"/>
    </row>
    <row r="29" spans="2:10" ht="7.5" customHeight="1" x14ac:dyDescent="0.15">
      <c r="B29" s="163"/>
      <c r="C29" s="164"/>
      <c r="D29" s="164"/>
      <c r="E29" s="210"/>
      <c r="F29" s="211"/>
      <c r="G29" s="211"/>
      <c r="H29" s="211"/>
      <c r="I29" s="212"/>
      <c r="J29" s="168"/>
    </row>
    <row r="30" spans="2:10" ht="14.25" customHeight="1" x14ac:dyDescent="0.15">
      <c r="B30" s="168"/>
      <c r="E30" s="18"/>
      <c r="F30" s="213" t="s">
        <v>7</v>
      </c>
      <c r="G30" s="214" t="s">
        <v>142</v>
      </c>
      <c r="H30" s="19" t="s">
        <v>9</v>
      </c>
      <c r="I30" s="642" t="s">
        <v>10</v>
      </c>
      <c r="J30" s="168"/>
    </row>
    <row r="31" spans="2:10" ht="14.25" customHeight="1" x14ac:dyDescent="0.15">
      <c r="B31" s="168"/>
      <c r="C31" s="161" t="s">
        <v>0</v>
      </c>
      <c r="D31" s="161" t="s">
        <v>164</v>
      </c>
      <c r="E31" s="26" t="s">
        <v>11</v>
      </c>
      <c r="F31" s="31" t="s">
        <v>12</v>
      </c>
      <c r="G31" s="31" t="s">
        <v>144</v>
      </c>
      <c r="H31" s="31" t="s">
        <v>14</v>
      </c>
      <c r="I31" s="642"/>
      <c r="J31" s="168"/>
    </row>
    <row r="32" spans="2:10" ht="14.25" customHeight="1" x14ac:dyDescent="0.15">
      <c r="B32" s="168"/>
      <c r="C32" s="171"/>
      <c r="D32" s="215"/>
      <c r="E32" s="32" t="s">
        <v>145</v>
      </c>
      <c r="F32" s="121"/>
      <c r="G32" s="121" t="s">
        <v>17</v>
      </c>
      <c r="H32" s="31" t="s">
        <v>18</v>
      </c>
      <c r="I32" s="642"/>
      <c r="J32" s="168"/>
    </row>
    <row r="33" spans="2:10" ht="7.5" customHeight="1" x14ac:dyDescent="0.15">
      <c r="B33" s="172"/>
      <c r="C33" s="216"/>
      <c r="D33" s="217"/>
      <c r="E33" s="37"/>
      <c r="F33" s="39"/>
      <c r="G33" s="39"/>
      <c r="H33" s="41"/>
      <c r="I33" s="218"/>
      <c r="J33" s="168"/>
    </row>
    <row r="34" spans="2:10" ht="7.5" customHeight="1" x14ac:dyDescent="0.15">
      <c r="B34" s="163"/>
      <c r="C34" s="171"/>
      <c r="D34" s="171"/>
      <c r="E34" s="219"/>
      <c r="F34" s="171"/>
      <c r="G34" s="171"/>
      <c r="H34" s="171"/>
      <c r="I34" s="220"/>
      <c r="J34" s="168"/>
    </row>
    <row r="35" spans="2:10" x14ac:dyDescent="0.15">
      <c r="B35" s="168"/>
      <c r="C35" s="161" t="s">
        <v>165</v>
      </c>
      <c r="D35" s="161" t="s">
        <v>166</v>
      </c>
      <c r="E35" s="221">
        <v>20</v>
      </c>
      <c r="F35" s="222">
        <v>22</v>
      </c>
      <c r="G35" s="222">
        <v>21</v>
      </c>
      <c r="H35" s="208">
        <v>1.05</v>
      </c>
      <c r="I35" s="239">
        <v>1.7</v>
      </c>
      <c r="J35" s="168"/>
    </row>
    <row r="36" spans="2:10" x14ac:dyDescent="0.15">
      <c r="B36" s="168"/>
      <c r="C36" s="161" t="s">
        <v>167</v>
      </c>
      <c r="D36" s="161" t="s">
        <v>2</v>
      </c>
      <c r="E36" s="221">
        <v>13</v>
      </c>
      <c r="F36" s="222">
        <v>18</v>
      </c>
      <c r="G36" s="222">
        <v>18</v>
      </c>
      <c r="H36" s="208">
        <v>1.38</v>
      </c>
      <c r="I36" s="249">
        <v>1.54</v>
      </c>
      <c r="J36" s="168"/>
    </row>
    <row r="37" spans="2:10" s="251" customFormat="1" ht="18.75" customHeight="1" x14ac:dyDescent="0.15">
      <c r="B37" s="250"/>
      <c r="C37" s="251" t="s">
        <v>168</v>
      </c>
      <c r="D37" s="251" t="s">
        <v>169</v>
      </c>
      <c r="E37" s="252">
        <v>2</v>
      </c>
      <c r="F37" s="253">
        <v>2</v>
      </c>
      <c r="G37" s="253">
        <v>2</v>
      </c>
      <c r="H37" s="254">
        <v>1</v>
      </c>
      <c r="I37" s="255" t="s">
        <v>174</v>
      </c>
      <c r="J37" s="250"/>
    </row>
    <row r="38" spans="2:10" s="251" customFormat="1" x14ac:dyDescent="0.15">
      <c r="B38" s="250"/>
      <c r="C38" s="251" t="s">
        <v>170</v>
      </c>
      <c r="D38" s="251" t="s">
        <v>171</v>
      </c>
      <c r="E38" s="252">
        <v>2</v>
      </c>
      <c r="F38" s="253">
        <v>1</v>
      </c>
      <c r="G38" s="253">
        <v>1</v>
      </c>
      <c r="H38" s="254">
        <v>0.5</v>
      </c>
      <c r="I38" s="255" t="s">
        <v>174</v>
      </c>
      <c r="J38" s="250"/>
    </row>
    <row r="39" spans="2:10" s="251" customFormat="1" x14ac:dyDescent="0.15">
      <c r="B39" s="250"/>
      <c r="C39" s="251" t="s">
        <v>170</v>
      </c>
      <c r="D39" s="251" t="s">
        <v>172</v>
      </c>
      <c r="E39" s="252">
        <v>2</v>
      </c>
      <c r="F39" s="253">
        <v>2</v>
      </c>
      <c r="G39" s="253">
        <v>2</v>
      </c>
      <c r="H39" s="254">
        <v>1</v>
      </c>
      <c r="I39" s="255" t="s">
        <v>174</v>
      </c>
      <c r="J39" s="250"/>
    </row>
    <row r="40" spans="2:10" s="251" customFormat="1" x14ac:dyDescent="0.15">
      <c r="B40" s="250"/>
      <c r="C40" s="251" t="s">
        <v>170</v>
      </c>
      <c r="D40" s="251" t="s">
        <v>173</v>
      </c>
      <c r="E40" s="252">
        <v>2</v>
      </c>
      <c r="F40" s="253">
        <v>1</v>
      </c>
      <c r="G40" s="253">
        <v>1</v>
      </c>
      <c r="H40" s="254">
        <v>0.5</v>
      </c>
      <c r="I40" s="255" t="s">
        <v>174</v>
      </c>
      <c r="J40" s="250"/>
    </row>
    <row r="41" spans="2:10" s="251" customFormat="1" x14ac:dyDescent="0.15">
      <c r="B41" s="250"/>
      <c r="D41" s="256" t="s">
        <v>152</v>
      </c>
      <c r="E41" s="257">
        <v>8</v>
      </c>
      <c r="F41" s="258">
        <v>6</v>
      </c>
      <c r="G41" s="258">
        <v>6</v>
      </c>
      <c r="H41" s="259">
        <v>0.75</v>
      </c>
      <c r="I41" s="260" t="s">
        <v>174</v>
      </c>
      <c r="J41" s="250"/>
    </row>
    <row r="42" spans="2:10" ht="20.25" customHeight="1" x14ac:dyDescent="0.15">
      <c r="B42" s="168"/>
      <c r="C42" s="161" t="s">
        <v>175</v>
      </c>
      <c r="D42" s="161" t="s">
        <v>1</v>
      </c>
      <c r="E42" s="221">
        <v>12</v>
      </c>
      <c r="F42" s="222">
        <v>18</v>
      </c>
      <c r="G42" s="222">
        <v>18</v>
      </c>
      <c r="H42" s="208">
        <v>1.5</v>
      </c>
      <c r="I42" s="249">
        <v>1.1000000000000001</v>
      </c>
      <c r="J42" s="168"/>
    </row>
    <row r="43" spans="2:10" x14ac:dyDescent="0.15">
      <c r="B43" s="168"/>
      <c r="C43" s="161" t="s">
        <v>176</v>
      </c>
      <c r="D43" s="161" t="s">
        <v>2</v>
      </c>
      <c r="E43" s="221">
        <v>13</v>
      </c>
      <c r="F43" s="222">
        <v>18</v>
      </c>
      <c r="G43" s="222">
        <v>17</v>
      </c>
      <c r="H43" s="208">
        <v>1.31</v>
      </c>
      <c r="I43" s="249">
        <v>1.42</v>
      </c>
      <c r="J43" s="168"/>
    </row>
    <row r="44" spans="2:10" x14ac:dyDescent="0.15">
      <c r="B44" s="168"/>
      <c r="C44" s="161" t="s">
        <v>177</v>
      </c>
      <c r="D44" s="161" t="s">
        <v>2</v>
      </c>
      <c r="E44" s="221">
        <v>13</v>
      </c>
      <c r="F44" s="222">
        <v>11</v>
      </c>
      <c r="G44" s="222">
        <v>11</v>
      </c>
      <c r="H44" s="208">
        <v>0.85</v>
      </c>
      <c r="I44" s="249">
        <v>0.9</v>
      </c>
      <c r="J44" s="168"/>
    </row>
    <row r="45" spans="2:10" x14ac:dyDescent="0.15">
      <c r="B45" s="168"/>
      <c r="C45" s="161" t="s">
        <v>178</v>
      </c>
      <c r="D45" s="161" t="s">
        <v>1</v>
      </c>
      <c r="E45" s="221">
        <v>10</v>
      </c>
      <c r="F45" s="222">
        <v>11</v>
      </c>
      <c r="G45" s="222">
        <v>11</v>
      </c>
      <c r="H45" s="208">
        <v>1.1000000000000001</v>
      </c>
      <c r="I45" s="249">
        <v>1.2</v>
      </c>
      <c r="J45" s="168"/>
    </row>
    <row r="46" spans="2:10" x14ac:dyDescent="0.15">
      <c r="B46" s="168"/>
      <c r="C46" s="161" t="s">
        <v>179</v>
      </c>
      <c r="D46" s="161" t="s">
        <v>2</v>
      </c>
      <c r="E46" s="221">
        <v>10</v>
      </c>
      <c r="F46" s="222">
        <v>8</v>
      </c>
      <c r="G46" s="222">
        <v>8</v>
      </c>
      <c r="H46" s="208">
        <v>0.8</v>
      </c>
      <c r="I46" s="261">
        <v>1.2</v>
      </c>
      <c r="J46" s="168"/>
    </row>
    <row r="47" spans="2:10" x14ac:dyDescent="0.15">
      <c r="B47" s="168"/>
      <c r="C47" s="161" t="s">
        <v>180</v>
      </c>
      <c r="D47" s="161" t="s">
        <v>1</v>
      </c>
      <c r="E47" s="221">
        <v>10</v>
      </c>
      <c r="F47" s="222">
        <v>10</v>
      </c>
      <c r="G47" s="222">
        <v>10</v>
      </c>
      <c r="H47" s="208">
        <v>1</v>
      </c>
      <c r="I47" s="249">
        <v>0.8</v>
      </c>
      <c r="J47" s="168"/>
    </row>
    <row r="48" spans="2:10" x14ac:dyDescent="0.15">
      <c r="B48" s="168"/>
      <c r="C48" s="161" t="s">
        <v>181</v>
      </c>
      <c r="D48" s="161" t="s">
        <v>166</v>
      </c>
      <c r="E48" s="221">
        <v>10</v>
      </c>
      <c r="F48" s="222">
        <v>14</v>
      </c>
      <c r="G48" s="222">
        <v>14</v>
      </c>
      <c r="H48" s="208">
        <v>1.4</v>
      </c>
      <c r="I48" s="249">
        <v>1.1000000000000001</v>
      </c>
      <c r="J48" s="168"/>
    </row>
    <row r="49" spans="2:10" x14ac:dyDescent="0.15">
      <c r="B49" s="168"/>
      <c r="C49" s="161" t="s">
        <v>182</v>
      </c>
      <c r="D49" s="161" t="s">
        <v>1</v>
      </c>
      <c r="E49" s="221">
        <v>10</v>
      </c>
      <c r="F49" s="222">
        <v>15</v>
      </c>
      <c r="G49" s="222">
        <v>14</v>
      </c>
      <c r="H49" s="208">
        <v>1.4</v>
      </c>
      <c r="I49" s="261">
        <v>1.1000000000000001</v>
      </c>
      <c r="J49" s="168"/>
    </row>
    <row r="50" spans="2:10" x14ac:dyDescent="0.15">
      <c r="B50" s="168"/>
      <c r="C50" s="161" t="s">
        <v>183</v>
      </c>
      <c r="D50" s="161" t="s">
        <v>1</v>
      </c>
      <c r="E50" s="221">
        <v>10</v>
      </c>
      <c r="F50" s="222">
        <v>9</v>
      </c>
      <c r="G50" s="222">
        <v>9</v>
      </c>
      <c r="H50" s="208">
        <v>0.9</v>
      </c>
      <c r="I50" s="239">
        <v>1.2</v>
      </c>
      <c r="J50" s="168"/>
    </row>
    <row r="51" spans="2:10" x14ac:dyDescent="0.15">
      <c r="B51" s="168"/>
      <c r="C51" s="161" t="s">
        <v>184</v>
      </c>
      <c r="D51" s="161" t="s">
        <v>166</v>
      </c>
      <c r="E51" s="221">
        <v>15</v>
      </c>
      <c r="F51" s="222">
        <v>20</v>
      </c>
      <c r="G51" s="222">
        <v>20</v>
      </c>
      <c r="H51" s="208">
        <v>1.33</v>
      </c>
      <c r="I51" s="249">
        <v>1.5</v>
      </c>
      <c r="J51" s="168"/>
    </row>
    <row r="52" spans="2:10" x14ac:dyDescent="0.15">
      <c r="B52" s="168"/>
      <c r="C52" s="161" t="s">
        <v>185</v>
      </c>
      <c r="D52" s="161" t="s">
        <v>1</v>
      </c>
      <c r="E52" s="221">
        <v>15</v>
      </c>
      <c r="F52" s="222">
        <v>10</v>
      </c>
      <c r="G52" s="222">
        <v>10</v>
      </c>
      <c r="H52" s="208">
        <v>0.67</v>
      </c>
      <c r="I52" s="249">
        <v>0.7</v>
      </c>
      <c r="J52" s="168"/>
    </row>
    <row r="53" spans="2:10" ht="21.75" customHeight="1" x14ac:dyDescent="0.15">
      <c r="B53" s="168"/>
      <c r="C53" s="234" t="s">
        <v>159</v>
      </c>
      <c r="D53" s="234"/>
      <c r="E53" s="262">
        <v>169</v>
      </c>
      <c r="F53" s="236">
        <v>190</v>
      </c>
      <c r="G53" s="236">
        <v>187</v>
      </c>
      <c r="H53" s="237">
        <v>1.1100000000000001</v>
      </c>
      <c r="I53" s="238">
        <v>1.23</v>
      </c>
      <c r="J53" s="168"/>
    </row>
    <row r="54" spans="2:10" ht="21.75" customHeight="1" x14ac:dyDescent="0.15">
      <c r="B54" s="168"/>
      <c r="C54" s="161" t="s">
        <v>186</v>
      </c>
      <c r="D54" s="161" t="s">
        <v>187</v>
      </c>
      <c r="E54" s="264">
        <v>6</v>
      </c>
      <c r="F54" s="222">
        <v>6</v>
      </c>
      <c r="G54" s="222">
        <v>6</v>
      </c>
      <c r="H54" s="208">
        <v>1</v>
      </c>
      <c r="I54" s="249">
        <v>2.17</v>
      </c>
      <c r="J54" s="168"/>
    </row>
    <row r="55" spans="2:10" ht="13.5" customHeight="1" x14ac:dyDescent="0.15">
      <c r="B55" s="168"/>
      <c r="C55" s="161" t="s">
        <v>188</v>
      </c>
      <c r="D55" s="161" t="s">
        <v>189</v>
      </c>
      <c r="E55" s="221">
        <v>4</v>
      </c>
      <c r="F55" s="222">
        <v>6</v>
      </c>
      <c r="G55" s="222">
        <v>5</v>
      </c>
      <c r="H55" s="208">
        <v>1.25</v>
      </c>
      <c r="I55" s="239">
        <v>1.25</v>
      </c>
      <c r="J55" s="168"/>
    </row>
    <row r="56" spans="2:10" ht="21.75" customHeight="1" x14ac:dyDescent="0.15">
      <c r="B56" s="168"/>
      <c r="C56" s="234" t="s">
        <v>190</v>
      </c>
      <c r="E56" s="235">
        <v>10</v>
      </c>
      <c r="F56" s="195">
        <v>12</v>
      </c>
      <c r="G56" s="195">
        <v>11</v>
      </c>
      <c r="H56" s="237">
        <v>1.1000000000000001</v>
      </c>
      <c r="I56" s="265">
        <v>1.8</v>
      </c>
      <c r="J56" s="168"/>
    </row>
    <row r="57" spans="2:10" ht="7.5" customHeight="1" x14ac:dyDescent="0.15">
      <c r="B57" s="168"/>
      <c r="C57" s="240"/>
      <c r="D57" s="240"/>
      <c r="E57" s="221"/>
      <c r="F57" s="222"/>
      <c r="G57" s="222"/>
      <c r="H57" s="208"/>
      <c r="I57" s="266"/>
      <c r="J57" s="168"/>
    </row>
    <row r="58" spans="2:10" ht="7.5" customHeight="1" x14ac:dyDescent="0.15">
      <c r="B58" s="186"/>
      <c r="C58" s="241"/>
      <c r="D58" s="241"/>
      <c r="E58" s="242"/>
      <c r="F58" s="243"/>
      <c r="G58" s="243"/>
      <c r="H58" s="244"/>
      <c r="I58" s="267"/>
      <c r="J58" s="168"/>
    </row>
    <row r="59" spans="2:10" x14ac:dyDescent="0.15">
      <c r="B59" s="168"/>
      <c r="C59" s="663" t="s">
        <v>139</v>
      </c>
      <c r="D59" s="664"/>
      <c r="E59" s="195">
        <v>179</v>
      </c>
      <c r="F59" s="195">
        <v>202</v>
      </c>
      <c r="G59" s="195">
        <v>198</v>
      </c>
      <c r="H59" s="237">
        <v>1.1100000000000001</v>
      </c>
      <c r="I59" s="238">
        <v>1.27</v>
      </c>
      <c r="J59" s="168"/>
    </row>
    <row r="60" spans="2:10" ht="7.5" customHeight="1" x14ac:dyDescent="0.15">
      <c r="B60" s="172"/>
      <c r="C60" s="246"/>
      <c r="D60" s="246"/>
      <c r="E60" s="199"/>
      <c r="F60" s="247"/>
      <c r="G60" s="247"/>
      <c r="H60" s="248"/>
      <c r="I60" s="202"/>
      <c r="J60" s="168"/>
    </row>
    <row r="61" spans="2:10" ht="14.25" customHeight="1" x14ac:dyDescent="0.15">
      <c r="B61" s="683"/>
      <c r="C61" s="683"/>
      <c r="D61" s="683"/>
      <c r="E61" s="683"/>
      <c r="F61" s="683"/>
      <c r="G61" s="683"/>
      <c r="H61" s="683"/>
      <c r="I61" s="683"/>
    </row>
    <row r="62" spans="2:10" ht="10.5" customHeight="1" x14ac:dyDescent="0.15">
      <c r="B62" s="269"/>
      <c r="C62" s="269"/>
      <c r="D62" s="269"/>
      <c r="E62" s="269"/>
      <c r="F62" s="269"/>
      <c r="G62" s="269"/>
      <c r="H62" s="269"/>
      <c r="I62" s="209"/>
    </row>
    <row r="63" spans="2:10" ht="14.25" customHeight="1" x14ac:dyDescent="0.15">
      <c r="B63" s="161" t="s">
        <v>191</v>
      </c>
      <c r="E63" s="162"/>
      <c r="H63" s="208"/>
      <c r="I63" s="209"/>
    </row>
    <row r="64" spans="2:10" ht="7.5" customHeight="1" x14ac:dyDescent="0.15">
      <c r="B64" s="163"/>
      <c r="C64" s="164"/>
      <c r="D64" s="164"/>
      <c r="E64" s="210"/>
      <c r="F64" s="211"/>
      <c r="G64" s="211"/>
      <c r="H64" s="211"/>
      <c r="I64" s="212"/>
      <c r="J64" s="168"/>
    </row>
    <row r="65" spans="2:10" ht="14.25" customHeight="1" x14ac:dyDescent="0.15">
      <c r="B65" s="168"/>
      <c r="E65" s="18"/>
      <c r="F65" s="213" t="s">
        <v>7</v>
      </c>
      <c r="G65" s="214" t="s">
        <v>142</v>
      </c>
      <c r="H65" s="19" t="s">
        <v>9</v>
      </c>
      <c r="I65" s="642" t="s">
        <v>10</v>
      </c>
      <c r="J65" s="168"/>
    </row>
    <row r="66" spans="2:10" ht="14.25" customHeight="1" x14ac:dyDescent="0.15">
      <c r="B66" s="168"/>
      <c r="C66" s="161" t="s">
        <v>0</v>
      </c>
      <c r="D66" s="161" t="s">
        <v>192</v>
      </c>
      <c r="E66" s="26" t="s">
        <v>11</v>
      </c>
      <c r="F66" s="31" t="s">
        <v>12</v>
      </c>
      <c r="G66" s="31" t="s">
        <v>144</v>
      </c>
      <c r="H66" s="31" t="s">
        <v>14</v>
      </c>
      <c r="I66" s="642"/>
      <c r="J66" s="168"/>
    </row>
    <row r="67" spans="2:10" ht="14.25" customHeight="1" x14ac:dyDescent="0.15">
      <c r="B67" s="168"/>
      <c r="C67" s="171"/>
      <c r="D67" s="215"/>
      <c r="E67" s="32" t="s">
        <v>145</v>
      </c>
      <c r="F67" s="121"/>
      <c r="G67" s="121" t="s">
        <v>17</v>
      </c>
      <c r="H67" s="31" t="s">
        <v>18</v>
      </c>
      <c r="I67" s="642"/>
      <c r="J67" s="168"/>
    </row>
    <row r="68" spans="2:10" ht="7.5" customHeight="1" x14ac:dyDescent="0.15">
      <c r="B68" s="172"/>
      <c r="C68" s="216"/>
      <c r="D68" s="217"/>
      <c r="E68" s="37"/>
      <c r="F68" s="39"/>
      <c r="G68" s="39"/>
      <c r="H68" s="41"/>
      <c r="I68" s="218"/>
      <c r="J68" s="168"/>
    </row>
    <row r="69" spans="2:10" ht="3.75" customHeight="1" x14ac:dyDescent="0.15">
      <c r="B69" s="163"/>
      <c r="C69" s="171"/>
      <c r="D69" s="171"/>
      <c r="E69" s="219"/>
      <c r="F69" s="171"/>
      <c r="G69" s="171"/>
      <c r="H69" s="171"/>
      <c r="I69" s="220"/>
      <c r="J69" s="168"/>
    </row>
    <row r="70" spans="2:10" x14ac:dyDescent="0.15">
      <c r="B70" s="168"/>
      <c r="C70" s="132" t="s">
        <v>193</v>
      </c>
      <c r="D70" s="270" t="s">
        <v>194</v>
      </c>
      <c r="E70" s="271">
        <v>15</v>
      </c>
      <c r="F70" s="222">
        <v>14</v>
      </c>
      <c r="G70" s="222">
        <v>14</v>
      </c>
      <c r="H70" s="272">
        <v>0.93</v>
      </c>
      <c r="I70" s="273">
        <v>1.71</v>
      </c>
      <c r="J70" s="168"/>
    </row>
    <row r="71" spans="2:10" x14ac:dyDescent="0.15">
      <c r="B71" s="168"/>
      <c r="C71" s="270" t="s">
        <v>170</v>
      </c>
      <c r="D71" s="270" t="s">
        <v>195</v>
      </c>
      <c r="E71" s="271">
        <v>15</v>
      </c>
      <c r="F71" s="222">
        <v>12</v>
      </c>
      <c r="G71" s="222">
        <v>12</v>
      </c>
      <c r="H71" s="272">
        <v>0.8</v>
      </c>
      <c r="I71" s="273">
        <v>1.1399999999999999</v>
      </c>
      <c r="J71" s="168"/>
    </row>
    <row r="72" spans="2:10" x14ac:dyDescent="0.15">
      <c r="B72" s="168"/>
      <c r="C72" s="171"/>
      <c r="D72" s="228" t="s">
        <v>152</v>
      </c>
      <c r="E72" s="235">
        <v>30</v>
      </c>
      <c r="F72" s="230">
        <v>26</v>
      </c>
      <c r="G72" s="230">
        <v>26</v>
      </c>
      <c r="H72" s="237">
        <v>0.87</v>
      </c>
      <c r="I72" s="274">
        <v>1.43</v>
      </c>
      <c r="J72" s="168"/>
    </row>
    <row r="73" spans="2:10" ht="16.5" customHeight="1" x14ac:dyDescent="0.15">
      <c r="B73" s="168"/>
      <c r="C73" s="161" t="s">
        <v>196</v>
      </c>
      <c r="D73" s="161" t="s">
        <v>197</v>
      </c>
      <c r="E73" s="221">
        <v>15</v>
      </c>
      <c r="F73" s="222">
        <v>16</v>
      </c>
      <c r="G73" s="222">
        <v>16</v>
      </c>
      <c r="H73" s="208">
        <v>1.07</v>
      </c>
      <c r="I73" s="275">
        <v>1.6</v>
      </c>
      <c r="J73" s="168"/>
    </row>
    <row r="74" spans="2:10" x14ac:dyDescent="0.15">
      <c r="B74" s="168"/>
      <c r="C74" s="161" t="s">
        <v>170</v>
      </c>
      <c r="D74" s="161" t="s">
        <v>198</v>
      </c>
      <c r="E74" s="221">
        <v>15</v>
      </c>
      <c r="F74" s="222">
        <v>4</v>
      </c>
      <c r="G74" s="222">
        <v>4</v>
      </c>
      <c r="H74" s="208">
        <v>0.27</v>
      </c>
      <c r="I74" s="275">
        <v>0.6</v>
      </c>
      <c r="J74" s="168"/>
    </row>
    <row r="75" spans="2:10" ht="16.5" customHeight="1" x14ac:dyDescent="0.15">
      <c r="B75" s="168"/>
      <c r="D75" s="228" t="s">
        <v>152</v>
      </c>
      <c r="E75" s="235">
        <v>30</v>
      </c>
      <c r="F75" s="230">
        <v>20</v>
      </c>
      <c r="G75" s="230">
        <v>20</v>
      </c>
      <c r="H75" s="237">
        <v>0.67</v>
      </c>
      <c r="I75" s="276">
        <v>1.1000000000000001</v>
      </c>
      <c r="J75" s="168"/>
    </row>
    <row r="76" spans="2:10" ht="21.6" customHeight="1" x14ac:dyDescent="0.15">
      <c r="B76" s="168"/>
      <c r="C76" s="277" t="s">
        <v>159</v>
      </c>
      <c r="D76" s="240"/>
      <c r="E76" s="235">
        <v>60</v>
      </c>
      <c r="F76" s="195">
        <v>46</v>
      </c>
      <c r="G76" s="195">
        <v>46</v>
      </c>
      <c r="H76" s="237">
        <v>0.77</v>
      </c>
      <c r="I76" s="274">
        <v>1.24</v>
      </c>
      <c r="J76" s="168"/>
    </row>
    <row r="77" spans="2:10" ht="16.5" customHeight="1" x14ac:dyDescent="0.15">
      <c r="B77" s="168"/>
      <c r="C77" s="251" t="s">
        <v>199</v>
      </c>
      <c r="D77" s="183" t="s">
        <v>200</v>
      </c>
      <c r="E77" s="221">
        <v>10</v>
      </c>
      <c r="F77" s="222">
        <v>17</v>
      </c>
      <c r="G77" s="222">
        <v>17</v>
      </c>
      <c r="H77" s="208">
        <v>1.7</v>
      </c>
      <c r="I77" s="273">
        <v>1.7</v>
      </c>
      <c r="J77" s="168"/>
    </row>
    <row r="78" spans="2:10" ht="16.5" customHeight="1" x14ac:dyDescent="0.15">
      <c r="B78" s="168"/>
      <c r="C78" s="251" t="s">
        <v>201</v>
      </c>
      <c r="D78" s="183" t="s">
        <v>202</v>
      </c>
      <c r="E78" s="221">
        <v>8</v>
      </c>
      <c r="F78" s="222">
        <v>3</v>
      </c>
      <c r="G78" s="222">
        <v>3</v>
      </c>
      <c r="H78" s="208">
        <v>0.38</v>
      </c>
      <c r="I78" s="273">
        <v>0.88</v>
      </c>
      <c r="J78" s="168"/>
    </row>
    <row r="79" spans="2:10" ht="21.6" customHeight="1" x14ac:dyDescent="0.15">
      <c r="B79" s="168"/>
      <c r="C79" s="277" t="s">
        <v>190</v>
      </c>
      <c r="D79" s="240"/>
      <c r="E79" s="235">
        <v>18</v>
      </c>
      <c r="F79" s="195">
        <v>20</v>
      </c>
      <c r="G79" s="195">
        <v>20</v>
      </c>
      <c r="H79" s="237">
        <v>1.1100000000000001</v>
      </c>
      <c r="I79" s="274">
        <v>1.33</v>
      </c>
      <c r="J79" s="168"/>
    </row>
    <row r="80" spans="2:10" ht="7.5" customHeight="1" x14ac:dyDescent="0.15">
      <c r="B80" s="168"/>
      <c r="C80" s="240"/>
      <c r="D80" s="240"/>
      <c r="E80" s="221"/>
      <c r="F80" s="222"/>
      <c r="G80" s="222"/>
      <c r="H80" s="208"/>
      <c r="I80" s="275"/>
      <c r="J80" s="168"/>
    </row>
    <row r="81" spans="2:10" ht="7.5" customHeight="1" x14ac:dyDescent="0.15">
      <c r="B81" s="186"/>
      <c r="C81" s="241"/>
      <c r="D81" s="241"/>
      <c r="E81" s="242"/>
      <c r="F81" s="243"/>
      <c r="G81" s="243"/>
      <c r="H81" s="244"/>
      <c r="I81" s="278"/>
      <c r="J81" s="168"/>
    </row>
    <row r="82" spans="2:10" x14ac:dyDescent="0.15">
      <c r="B82" s="168"/>
      <c r="C82" s="663" t="s">
        <v>139</v>
      </c>
      <c r="D82" s="664"/>
      <c r="E82" s="235">
        <v>78</v>
      </c>
      <c r="F82" s="195">
        <v>66</v>
      </c>
      <c r="G82" s="195">
        <v>66</v>
      </c>
      <c r="H82" s="237">
        <v>0.85</v>
      </c>
      <c r="I82" s="274">
        <v>1.27</v>
      </c>
      <c r="J82" s="168"/>
    </row>
    <row r="83" spans="2:10" ht="7.5" customHeight="1" x14ac:dyDescent="0.15">
      <c r="B83" s="172"/>
      <c r="C83" s="246"/>
      <c r="D83" s="246"/>
      <c r="E83" s="199"/>
      <c r="F83" s="247"/>
      <c r="G83" s="247"/>
      <c r="H83" s="248"/>
      <c r="I83" s="202"/>
      <c r="J83" s="168"/>
    </row>
    <row r="84" spans="2:10" ht="6.75" customHeight="1" x14ac:dyDescent="0.15">
      <c r="E84" s="162"/>
      <c r="F84" s="162"/>
      <c r="G84" s="162"/>
      <c r="H84" s="208"/>
      <c r="I84" s="209"/>
    </row>
    <row r="85" spans="2:10" ht="14.25" customHeight="1" x14ac:dyDescent="0.15">
      <c r="B85" s="161" t="s">
        <v>203</v>
      </c>
      <c r="E85" s="162"/>
      <c r="H85" s="208"/>
      <c r="I85" s="209"/>
    </row>
    <row r="86" spans="2:10" ht="7.5" customHeight="1" x14ac:dyDescent="0.15">
      <c r="B86" s="163"/>
      <c r="C86" s="164"/>
      <c r="D86" s="164"/>
      <c r="E86" s="210"/>
      <c r="F86" s="211"/>
      <c r="G86" s="211"/>
      <c r="H86" s="211"/>
      <c r="I86" s="212"/>
      <c r="J86" s="168"/>
    </row>
    <row r="87" spans="2:10" ht="14.25" customHeight="1" x14ac:dyDescent="0.15">
      <c r="B87" s="168"/>
      <c r="E87" s="18"/>
      <c r="F87" s="213" t="s">
        <v>7</v>
      </c>
      <c r="G87" s="214"/>
      <c r="H87" s="19"/>
      <c r="I87" s="642" t="s">
        <v>10</v>
      </c>
      <c r="J87" s="168"/>
    </row>
    <row r="88" spans="2:10" ht="14.25" customHeight="1" x14ac:dyDescent="0.15">
      <c r="B88" s="168"/>
      <c r="C88" s="161" t="s">
        <v>0</v>
      </c>
      <c r="D88" s="161" t="s">
        <v>164</v>
      </c>
      <c r="E88" s="26" t="s">
        <v>11</v>
      </c>
      <c r="F88" s="31" t="s">
        <v>12</v>
      </c>
      <c r="G88" s="31" t="s">
        <v>144</v>
      </c>
      <c r="H88" s="31" t="s">
        <v>14</v>
      </c>
      <c r="I88" s="642"/>
      <c r="J88" s="168"/>
    </row>
    <row r="89" spans="2:10" ht="14.25" customHeight="1" x14ac:dyDescent="0.15">
      <c r="B89" s="168"/>
      <c r="C89" s="171"/>
      <c r="D89" s="215"/>
      <c r="E89" s="32" t="s">
        <v>145</v>
      </c>
      <c r="F89" s="121"/>
      <c r="G89" s="121" t="s">
        <v>17</v>
      </c>
      <c r="H89" s="31" t="s">
        <v>18</v>
      </c>
      <c r="I89" s="642"/>
      <c r="J89" s="168"/>
    </row>
    <row r="90" spans="2:10" ht="7.5" customHeight="1" x14ac:dyDescent="0.15">
      <c r="B90" s="172"/>
      <c r="C90" s="216"/>
      <c r="D90" s="217"/>
      <c r="E90" s="37"/>
      <c r="F90" s="39"/>
      <c r="G90" s="39"/>
      <c r="H90" s="41"/>
      <c r="I90" s="218"/>
      <c r="J90" s="168"/>
    </row>
    <row r="91" spans="2:10" ht="7.5" customHeight="1" x14ac:dyDescent="0.15">
      <c r="B91" s="163"/>
      <c r="C91" s="171"/>
      <c r="D91" s="171"/>
      <c r="E91" s="219"/>
      <c r="F91" s="171"/>
      <c r="G91" s="171"/>
      <c r="H91" s="171"/>
      <c r="I91" s="220"/>
      <c r="J91" s="168"/>
    </row>
    <row r="92" spans="2:10" ht="12.95" customHeight="1" x14ac:dyDescent="0.15">
      <c r="B92" s="168"/>
      <c r="C92" s="270" t="s">
        <v>204</v>
      </c>
      <c r="D92" s="270" t="s">
        <v>205</v>
      </c>
      <c r="E92" s="279"/>
      <c r="F92" s="171"/>
      <c r="G92" s="171"/>
      <c r="H92" s="171"/>
      <c r="I92" s="280"/>
      <c r="J92" s="168"/>
    </row>
    <row r="93" spans="2:10" ht="12.95" customHeight="1" x14ac:dyDescent="0.15">
      <c r="B93" s="168"/>
      <c r="C93" s="270" t="s">
        <v>206</v>
      </c>
      <c r="D93" s="270" t="s">
        <v>205</v>
      </c>
      <c r="E93" s="279"/>
      <c r="F93" s="171"/>
      <c r="G93" s="171"/>
      <c r="H93" s="171"/>
      <c r="I93" s="280"/>
      <c r="J93" s="168"/>
    </row>
    <row r="94" spans="2:10" ht="12.95" customHeight="1" x14ac:dyDescent="0.15">
      <c r="B94" s="168"/>
      <c r="C94" s="270" t="s">
        <v>207</v>
      </c>
      <c r="D94" s="270" t="s">
        <v>205</v>
      </c>
      <c r="E94" s="279"/>
      <c r="F94" s="171"/>
      <c r="G94" s="171"/>
      <c r="H94" s="171"/>
      <c r="I94" s="280"/>
      <c r="J94" s="168"/>
    </row>
    <row r="95" spans="2:10" ht="12.95" customHeight="1" x14ac:dyDescent="0.15">
      <c r="B95" s="168"/>
      <c r="C95" s="270" t="s">
        <v>208</v>
      </c>
      <c r="D95" s="270" t="s">
        <v>205</v>
      </c>
      <c r="E95" s="279"/>
      <c r="F95" s="171"/>
      <c r="G95" s="171"/>
      <c r="H95" s="171"/>
      <c r="I95" s="280"/>
      <c r="J95" s="168"/>
    </row>
    <row r="96" spans="2:10" ht="12.95" customHeight="1" x14ac:dyDescent="0.15">
      <c r="B96" s="168"/>
      <c r="C96" s="270" t="s">
        <v>209</v>
      </c>
      <c r="D96" s="270" t="s">
        <v>205</v>
      </c>
      <c r="E96" s="279"/>
      <c r="F96" s="171"/>
      <c r="G96" s="171"/>
      <c r="H96" s="171"/>
      <c r="I96" s="280"/>
      <c r="J96" s="168"/>
    </row>
    <row r="97" spans="2:10" ht="12.95" customHeight="1" x14ac:dyDescent="0.15">
      <c r="B97" s="168"/>
      <c r="C97" s="270" t="s">
        <v>210</v>
      </c>
      <c r="D97" s="270" t="s">
        <v>205</v>
      </c>
      <c r="E97" s="279"/>
      <c r="F97" s="171"/>
      <c r="G97" s="171"/>
      <c r="H97" s="171"/>
      <c r="I97" s="280"/>
      <c r="J97" s="168"/>
    </row>
    <row r="98" spans="2:10" ht="12.95" customHeight="1" x14ac:dyDescent="0.15">
      <c r="B98" s="168"/>
      <c r="C98" s="270" t="s">
        <v>211</v>
      </c>
      <c r="D98" s="270" t="s">
        <v>205</v>
      </c>
      <c r="E98" s="279"/>
      <c r="F98" s="171"/>
      <c r="G98" s="171"/>
      <c r="H98" s="171"/>
      <c r="I98" s="280"/>
      <c r="J98" s="168"/>
    </row>
    <row r="99" spans="2:10" ht="12.95" customHeight="1" x14ac:dyDescent="0.15">
      <c r="B99" s="168"/>
      <c r="C99" s="270" t="s">
        <v>212</v>
      </c>
      <c r="D99" s="270" t="s">
        <v>205</v>
      </c>
      <c r="E99" s="279"/>
      <c r="F99" s="171"/>
      <c r="G99" s="171"/>
      <c r="H99" s="171"/>
      <c r="I99" s="280"/>
      <c r="J99" s="168"/>
    </row>
    <row r="100" spans="2:10" ht="12.95" customHeight="1" x14ac:dyDescent="0.15">
      <c r="B100" s="168"/>
      <c r="C100" s="270" t="s">
        <v>178</v>
      </c>
      <c r="D100" s="270" t="s">
        <v>205</v>
      </c>
      <c r="E100" s="279"/>
      <c r="F100" s="171"/>
      <c r="G100" s="171"/>
      <c r="H100" s="171"/>
      <c r="I100" s="280"/>
      <c r="J100" s="168"/>
    </row>
    <row r="101" spans="2:10" ht="12.95" customHeight="1" x14ac:dyDescent="0.15">
      <c r="B101" s="168"/>
      <c r="C101" s="270" t="s">
        <v>213</v>
      </c>
      <c r="D101" s="270" t="s">
        <v>205</v>
      </c>
      <c r="E101" s="279"/>
      <c r="F101" s="171"/>
      <c r="G101" s="171"/>
      <c r="H101" s="171"/>
      <c r="I101" s="280"/>
      <c r="J101" s="168"/>
    </row>
    <row r="102" spans="2:10" ht="12.95" customHeight="1" x14ac:dyDescent="0.15">
      <c r="B102" s="168"/>
      <c r="C102" s="270" t="s">
        <v>214</v>
      </c>
      <c r="D102" s="270" t="s">
        <v>205</v>
      </c>
      <c r="E102" s="279"/>
      <c r="F102" s="171"/>
      <c r="G102" s="171"/>
      <c r="H102" s="171"/>
      <c r="I102" s="280"/>
      <c r="J102" s="168"/>
    </row>
    <row r="103" spans="2:10" ht="12.95" customHeight="1" x14ac:dyDescent="0.15">
      <c r="B103" s="168"/>
      <c r="C103" s="270" t="s">
        <v>215</v>
      </c>
      <c r="D103" s="270" t="s">
        <v>205</v>
      </c>
      <c r="E103" s="279"/>
      <c r="F103" s="171"/>
      <c r="G103" s="171"/>
      <c r="H103" s="171"/>
      <c r="I103" s="280"/>
      <c r="J103" s="168"/>
    </row>
    <row r="104" spans="2:10" ht="12.95" customHeight="1" x14ac:dyDescent="0.15">
      <c r="B104" s="168"/>
      <c r="C104" s="270" t="s">
        <v>216</v>
      </c>
      <c r="D104" s="270" t="s">
        <v>205</v>
      </c>
      <c r="E104" s="279"/>
      <c r="F104" s="171"/>
      <c r="G104" s="171"/>
      <c r="H104" s="171"/>
      <c r="I104" s="280"/>
      <c r="J104" s="168"/>
    </row>
    <row r="105" spans="2:10" ht="12.95" customHeight="1" x14ac:dyDescent="0.15">
      <c r="B105" s="168"/>
      <c r="C105" s="270" t="s">
        <v>217</v>
      </c>
      <c r="D105" s="270" t="s">
        <v>205</v>
      </c>
      <c r="E105" s="279"/>
      <c r="F105" s="171"/>
      <c r="G105" s="171"/>
      <c r="H105" s="171"/>
      <c r="I105" s="280"/>
      <c r="J105" s="168"/>
    </row>
    <row r="106" spans="2:10" ht="12.95" customHeight="1" x14ac:dyDescent="0.15">
      <c r="B106" s="168"/>
      <c r="C106" s="270" t="s">
        <v>218</v>
      </c>
      <c r="D106" s="270" t="s">
        <v>205</v>
      </c>
      <c r="E106" s="279"/>
      <c r="F106" s="171"/>
      <c r="G106" s="171"/>
      <c r="H106" s="171"/>
      <c r="I106" s="280"/>
      <c r="J106" s="168"/>
    </row>
    <row r="107" spans="2:10" ht="12.95" customHeight="1" x14ac:dyDescent="0.15">
      <c r="B107" s="168"/>
      <c r="C107" s="270" t="s">
        <v>219</v>
      </c>
      <c r="D107" s="270" t="s">
        <v>205</v>
      </c>
      <c r="E107" s="279"/>
      <c r="F107" s="171"/>
      <c r="G107" s="171"/>
      <c r="H107" s="171"/>
      <c r="I107" s="280"/>
      <c r="J107" s="168"/>
    </row>
    <row r="108" spans="2:10" ht="12.95" customHeight="1" x14ac:dyDescent="0.15">
      <c r="B108" s="168"/>
      <c r="C108" s="270" t="s">
        <v>220</v>
      </c>
      <c r="D108" s="270" t="s">
        <v>205</v>
      </c>
      <c r="E108" s="279"/>
      <c r="F108" s="171"/>
      <c r="G108" s="171"/>
      <c r="H108" s="171"/>
      <c r="I108" s="280"/>
      <c r="J108" s="168"/>
    </row>
    <row r="109" spans="2:10" x14ac:dyDescent="0.15">
      <c r="B109" s="168"/>
      <c r="C109" s="270" t="s">
        <v>221</v>
      </c>
      <c r="D109" s="270" t="s">
        <v>205</v>
      </c>
      <c r="E109" s="281"/>
      <c r="F109" s="282"/>
      <c r="G109" s="282"/>
      <c r="H109" s="283"/>
      <c r="I109" s="261"/>
      <c r="J109" s="168"/>
    </row>
    <row r="110" spans="2:10" ht="7.5" customHeight="1" x14ac:dyDescent="0.15">
      <c r="B110" s="284"/>
      <c r="C110" s="285"/>
      <c r="D110" s="285"/>
      <c r="E110" s="286"/>
      <c r="F110" s="287"/>
      <c r="G110" s="287"/>
      <c r="H110" s="288"/>
      <c r="I110" s="289"/>
      <c r="J110" s="168"/>
    </row>
    <row r="111" spans="2:10" ht="7.5" customHeight="1" x14ac:dyDescent="0.15">
      <c r="B111" s="168"/>
      <c r="C111" s="240"/>
      <c r="D111" s="240"/>
      <c r="E111" s="221"/>
      <c r="F111" s="222"/>
      <c r="G111" s="222"/>
      <c r="H111" s="208"/>
      <c r="I111" s="280"/>
      <c r="J111" s="168"/>
    </row>
    <row r="112" spans="2:10" x14ac:dyDescent="0.15">
      <c r="B112" s="168"/>
      <c r="C112" s="663" t="s">
        <v>139</v>
      </c>
      <c r="D112" s="664"/>
      <c r="E112" s="235"/>
      <c r="F112" s="195"/>
      <c r="G112" s="195"/>
      <c r="H112" s="237"/>
      <c r="I112" s="290"/>
      <c r="J112" s="168"/>
    </row>
    <row r="113" spans="2:10" ht="7.5" customHeight="1" x14ac:dyDescent="0.15">
      <c r="B113" s="172"/>
      <c r="C113" s="246"/>
      <c r="D113" s="246"/>
      <c r="E113" s="199"/>
      <c r="F113" s="247"/>
      <c r="G113" s="247"/>
      <c r="H113" s="248"/>
      <c r="I113" s="202"/>
      <c r="J113" s="168"/>
    </row>
    <row r="114" spans="2:10" ht="6.75" customHeight="1" x14ac:dyDescent="0.15">
      <c r="E114" s="162"/>
      <c r="F114" s="162"/>
      <c r="G114" s="162"/>
      <c r="H114" s="208"/>
      <c r="I114" s="209"/>
    </row>
    <row r="115" spans="2:10" ht="6.75" customHeight="1" x14ac:dyDescent="0.15">
      <c r="B115" s="291"/>
      <c r="C115" s="291"/>
      <c r="D115" s="291"/>
      <c r="E115" s="291"/>
      <c r="F115" s="291"/>
      <c r="G115" s="291"/>
      <c r="H115" s="291"/>
      <c r="I115" s="291"/>
    </row>
    <row r="116" spans="2:10" ht="14.25" customHeight="1" x14ac:dyDescent="0.15">
      <c r="B116" s="161" t="s">
        <v>222</v>
      </c>
      <c r="E116" s="162"/>
      <c r="H116" s="208"/>
      <c r="I116" s="209"/>
    </row>
    <row r="117" spans="2:10" ht="7.5" customHeight="1" x14ac:dyDescent="0.15">
      <c r="B117" s="163"/>
      <c r="C117" s="164"/>
      <c r="D117" s="164"/>
      <c r="E117" s="210"/>
      <c r="F117" s="211"/>
      <c r="G117" s="211"/>
      <c r="H117" s="211"/>
      <c r="I117" s="212"/>
      <c r="J117" s="168"/>
    </row>
    <row r="118" spans="2:10" ht="14.25" customHeight="1" x14ac:dyDescent="0.15">
      <c r="B118" s="168"/>
      <c r="E118" s="18"/>
      <c r="F118" s="213" t="s">
        <v>7</v>
      </c>
      <c r="G118" s="214" t="s">
        <v>142</v>
      </c>
      <c r="H118" s="19" t="s">
        <v>9</v>
      </c>
      <c r="I118" s="642" t="s">
        <v>10</v>
      </c>
      <c r="J118" s="168"/>
    </row>
    <row r="119" spans="2:10" ht="14.25" customHeight="1" x14ac:dyDescent="0.15">
      <c r="B119" s="168"/>
      <c r="C119" s="161" t="s">
        <v>0</v>
      </c>
      <c r="D119" s="161" t="s">
        <v>164</v>
      </c>
      <c r="E119" s="26" t="s">
        <v>11</v>
      </c>
      <c r="F119" s="31" t="s">
        <v>12</v>
      </c>
      <c r="G119" s="31" t="s">
        <v>144</v>
      </c>
      <c r="H119" s="31" t="s">
        <v>14</v>
      </c>
      <c r="I119" s="642"/>
      <c r="J119" s="168"/>
    </row>
    <row r="120" spans="2:10" ht="14.25" customHeight="1" x14ac:dyDescent="0.15">
      <c r="B120" s="168"/>
      <c r="C120" s="171"/>
      <c r="D120" s="215"/>
      <c r="E120" s="32" t="s">
        <v>145</v>
      </c>
      <c r="F120" s="121"/>
      <c r="G120" s="121" t="s">
        <v>17</v>
      </c>
      <c r="H120" s="31" t="s">
        <v>18</v>
      </c>
      <c r="I120" s="642"/>
      <c r="J120" s="168"/>
    </row>
    <row r="121" spans="2:10" ht="7.5" customHeight="1" x14ac:dyDescent="0.15">
      <c r="B121" s="172"/>
      <c r="C121" s="216"/>
      <c r="D121" s="217"/>
      <c r="E121" s="37"/>
      <c r="F121" s="39"/>
      <c r="G121" s="39"/>
      <c r="H121" s="41"/>
      <c r="I121" s="218"/>
      <c r="J121" s="292"/>
    </row>
    <row r="122" spans="2:10" ht="7.5" customHeight="1" x14ac:dyDescent="0.15">
      <c r="B122" s="163"/>
      <c r="C122" s="171"/>
      <c r="D122" s="171"/>
      <c r="E122" s="219"/>
      <c r="F122" s="171"/>
      <c r="G122" s="171"/>
      <c r="H122" s="171"/>
      <c r="I122" s="220"/>
      <c r="J122" s="168"/>
    </row>
    <row r="123" spans="2:10" x14ac:dyDescent="0.15">
      <c r="B123" s="168"/>
      <c r="C123" s="161" t="s">
        <v>223</v>
      </c>
      <c r="D123" s="161" t="s">
        <v>224</v>
      </c>
      <c r="E123" s="221">
        <v>10</v>
      </c>
      <c r="F123" s="222">
        <v>0</v>
      </c>
      <c r="G123" s="222">
        <v>0</v>
      </c>
      <c r="H123" s="208">
        <v>0</v>
      </c>
      <c r="I123" s="239">
        <v>0</v>
      </c>
      <c r="J123" s="168"/>
    </row>
    <row r="124" spans="2:10" x14ac:dyDescent="0.15">
      <c r="B124" s="168"/>
      <c r="C124" s="161" t="s">
        <v>225</v>
      </c>
      <c r="D124" s="161" t="s">
        <v>224</v>
      </c>
      <c r="E124" s="221">
        <v>5</v>
      </c>
      <c r="F124" s="222">
        <v>2</v>
      </c>
      <c r="G124" s="222">
        <v>1</v>
      </c>
      <c r="H124" s="208">
        <v>0.2</v>
      </c>
      <c r="I124" s="239">
        <v>0.2</v>
      </c>
      <c r="J124" s="168"/>
    </row>
    <row r="125" spans="2:10" x14ac:dyDescent="0.15">
      <c r="B125" s="168"/>
      <c r="C125" s="161" t="s">
        <v>226</v>
      </c>
      <c r="D125" s="161" t="s">
        <v>227</v>
      </c>
      <c r="E125" s="221">
        <v>10</v>
      </c>
      <c r="F125" s="222">
        <v>0</v>
      </c>
      <c r="G125" s="222">
        <v>0</v>
      </c>
      <c r="H125" s="208">
        <v>0</v>
      </c>
      <c r="I125" s="261">
        <v>0</v>
      </c>
      <c r="J125" s="168"/>
    </row>
    <row r="126" spans="2:10" ht="7.5" customHeight="1" x14ac:dyDescent="0.15">
      <c r="B126" s="168"/>
      <c r="C126" s="240"/>
      <c r="D126" s="240"/>
      <c r="E126" s="221"/>
      <c r="F126" s="222"/>
      <c r="G126" s="222"/>
      <c r="H126" s="208"/>
      <c r="I126" s="266"/>
      <c r="J126" s="168"/>
    </row>
    <row r="127" spans="2:10" ht="7.5" customHeight="1" x14ac:dyDescent="0.15">
      <c r="B127" s="186"/>
      <c r="C127" s="241"/>
      <c r="D127" s="241"/>
      <c r="E127" s="242"/>
      <c r="F127" s="243"/>
      <c r="G127" s="243"/>
      <c r="H127" s="244"/>
      <c r="I127" s="267"/>
      <c r="J127" s="168"/>
    </row>
    <row r="128" spans="2:10" x14ac:dyDescent="0.15">
      <c r="B128" s="168"/>
      <c r="C128" s="663" t="s">
        <v>139</v>
      </c>
      <c r="D128" s="664"/>
      <c r="E128" s="235">
        <v>25</v>
      </c>
      <c r="F128" s="195">
        <v>2</v>
      </c>
      <c r="G128" s="195">
        <v>1</v>
      </c>
      <c r="H128" s="237">
        <v>0.04</v>
      </c>
      <c r="I128" s="238">
        <v>0.03</v>
      </c>
      <c r="J128" s="168"/>
    </row>
    <row r="129" spans="1:10" ht="7.5" customHeight="1" x14ac:dyDescent="0.15">
      <c r="B129" s="172"/>
      <c r="C129" s="246"/>
      <c r="D129" s="246"/>
      <c r="E129" s="199"/>
      <c r="F129" s="247"/>
      <c r="G129" s="247"/>
      <c r="H129" s="248"/>
      <c r="I129" s="202"/>
      <c r="J129" s="168"/>
    </row>
    <row r="130" spans="1:10" ht="6.75" customHeight="1" x14ac:dyDescent="0.15">
      <c r="B130" s="293"/>
      <c r="C130" s="293"/>
      <c r="D130" s="293"/>
      <c r="E130" s="293"/>
      <c r="F130" s="293"/>
      <c r="G130" s="293"/>
      <c r="H130" s="293"/>
      <c r="I130" s="162"/>
    </row>
    <row r="131" spans="1:10" ht="6.75" customHeight="1" x14ac:dyDescent="0.15"/>
    <row r="132" spans="1:10" s="48" customFormat="1" ht="14.25" x14ac:dyDescent="0.15">
      <c r="A132" s="7" t="s">
        <v>228</v>
      </c>
      <c r="C132" s="203"/>
      <c r="E132" s="50"/>
      <c r="H132" s="204"/>
      <c r="I132" s="205"/>
    </row>
    <row r="133" spans="1:10" s="48" customFormat="1" ht="6.75" customHeight="1" x14ac:dyDescent="0.2">
      <c r="B133" s="206"/>
      <c r="C133" s="203"/>
      <c r="E133" s="50"/>
      <c r="H133" s="204"/>
      <c r="I133" s="205"/>
    </row>
    <row r="134" spans="1:10" ht="14.25" customHeight="1" x14ac:dyDescent="0.15">
      <c r="B134" s="161" t="s">
        <v>229</v>
      </c>
      <c r="E134" s="162"/>
      <c r="H134" s="208"/>
      <c r="I134" s="209"/>
    </row>
    <row r="135" spans="1:10" ht="7.5" customHeight="1" x14ac:dyDescent="0.15">
      <c r="B135" s="163"/>
      <c r="C135" s="164"/>
      <c r="D135" s="164"/>
      <c r="E135" s="210"/>
      <c r="F135" s="211"/>
      <c r="G135" s="211"/>
      <c r="H135" s="211"/>
      <c r="I135" s="212"/>
      <c r="J135" s="168"/>
    </row>
    <row r="136" spans="1:10" ht="15.75" customHeight="1" x14ac:dyDescent="0.15">
      <c r="B136" s="168"/>
      <c r="E136" s="18"/>
      <c r="F136" s="213" t="s">
        <v>7</v>
      </c>
      <c r="G136" s="214" t="s">
        <v>142</v>
      </c>
      <c r="H136" s="19" t="s">
        <v>9</v>
      </c>
      <c r="I136" s="642" t="s">
        <v>10</v>
      </c>
      <c r="J136" s="168"/>
    </row>
    <row r="137" spans="1:10" ht="14.25" customHeight="1" x14ac:dyDescent="0.15">
      <c r="B137" s="168"/>
      <c r="C137" s="161" t="s">
        <v>0</v>
      </c>
      <c r="D137" s="161" t="s">
        <v>164</v>
      </c>
      <c r="E137" s="26" t="s">
        <v>11</v>
      </c>
      <c r="F137" s="31" t="s">
        <v>12</v>
      </c>
      <c r="G137" s="31" t="s">
        <v>144</v>
      </c>
      <c r="H137" s="31" t="s">
        <v>14</v>
      </c>
      <c r="I137" s="642"/>
      <c r="J137" s="168"/>
    </row>
    <row r="138" spans="1:10" ht="14.25" customHeight="1" x14ac:dyDescent="0.15">
      <c r="B138" s="168"/>
      <c r="C138" s="171"/>
      <c r="D138" s="215"/>
      <c r="E138" s="32" t="s">
        <v>145</v>
      </c>
      <c r="F138" s="121"/>
      <c r="G138" s="121" t="s">
        <v>17</v>
      </c>
      <c r="H138" s="31" t="s">
        <v>18</v>
      </c>
      <c r="I138" s="642"/>
      <c r="J138" s="168"/>
    </row>
    <row r="139" spans="1:10" ht="7.5" customHeight="1" x14ac:dyDescent="0.15">
      <c r="B139" s="172"/>
      <c r="C139" s="216"/>
      <c r="D139" s="217"/>
      <c r="E139" s="37"/>
      <c r="F139" s="39"/>
      <c r="G139" s="39"/>
      <c r="H139" s="41"/>
      <c r="I139" s="218"/>
      <c r="J139" s="168"/>
    </row>
    <row r="140" spans="1:10" ht="7.5" customHeight="1" x14ac:dyDescent="0.15">
      <c r="B140" s="163"/>
      <c r="C140" s="211"/>
      <c r="D140" s="211"/>
      <c r="E140" s="294"/>
      <c r="F140" s="295"/>
      <c r="G140" s="295"/>
      <c r="H140" s="211"/>
      <c r="I140" s="220"/>
      <c r="J140" s="168"/>
    </row>
    <row r="141" spans="1:10" ht="14.25" customHeight="1" x14ac:dyDescent="0.15">
      <c r="B141" s="168"/>
      <c r="C141" s="161" t="s">
        <v>230</v>
      </c>
      <c r="D141" s="161" t="s">
        <v>231</v>
      </c>
      <c r="E141" s="296">
        <v>40</v>
      </c>
      <c r="F141" s="222">
        <v>24</v>
      </c>
      <c r="G141" s="222">
        <v>24</v>
      </c>
      <c r="H141" s="208">
        <v>0.6</v>
      </c>
      <c r="I141" s="239">
        <v>0.93</v>
      </c>
      <c r="J141" s="168"/>
    </row>
    <row r="142" spans="1:10" ht="14.25" customHeight="1" x14ac:dyDescent="0.15">
      <c r="B142" s="168"/>
      <c r="C142" s="161" t="s">
        <v>170</v>
      </c>
      <c r="D142" s="161" t="s">
        <v>232</v>
      </c>
      <c r="E142" s="296">
        <v>40</v>
      </c>
      <c r="F142" s="222">
        <v>47</v>
      </c>
      <c r="G142" s="222">
        <v>47</v>
      </c>
      <c r="H142" s="208">
        <v>1.18</v>
      </c>
      <c r="I142" s="239">
        <v>0.75</v>
      </c>
      <c r="J142" s="168"/>
    </row>
    <row r="143" spans="1:10" x14ac:dyDescent="0.15">
      <c r="B143" s="168"/>
      <c r="C143" s="234"/>
      <c r="D143" s="297" t="s">
        <v>152</v>
      </c>
      <c r="E143" s="298">
        <v>80</v>
      </c>
      <c r="F143" s="109">
        <v>71</v>
      </c>
      <c r="G143" s="109">
        <v>71</v>
      </c>
      <c r="H143" s="237">
        <v>0.89</v>
      </c>
      <c r="I143" s="238">
        <v>0.84</v>
      </c>
      <c r="J143" s="168"/>
    </row>
    <row r="144" spans="1:10" ht="7.5" customHeight="1" x14ac:dyDescent="0.15">
      <c r="B144" s="172"/>
      <c r="C144" s="246"/>
      <c r="D144" s="246"/>
      <c r="E144" s="299"/>
      <c r="F144" s="300"/>
      <c r="G144" s="300"/>
      <c r="H144" s="248"/>
      <c r="I144" s="202"/>
      <c r="J144" s="168"/>
    </row>
    <row r="145" spans="7:7" x14ac:dyDescent="0.15">
      <c r="G145" s="301"/>
    </row>
  </sheetData>
  <mergeCells count="15">
    <mergeCell ref="I118:I120"/>
    <mergeCell ref="C128:D128"/>
    <mergeCell ref="I136:I138"/>
    <mergeCell ref="C59:D59"/>
    <mergeCell ref="B61:I61"/>
    <mergeCell ref="I65:I67"/>
    <mergeCell ref="C82:D82"/>
    <mergeCell ref="I87:I89"/>
    <mergeCell ref="C112:D112"/>
    <mergeCell ref="I30:I32"/>
    <mergeCell ref="I5:I7"/>
    <mergeCell ref="C23:D23"/>
    <mergeCell ref="B25:H25"/>
    <mergeCell ref="B26:H26"/>
    <mergeCell ref="B27:H27"/>
  </mergeCells>
  <phoneticPr fontId="5"/>
  <pageMargins left="0.78740157480314965" right="0.78740157480314965" top="0.59055118110236227" bottom="0.55118110236220474" header="0.74803149606299213" footer="0.39370078740157483"/>
  <pageSetup paperSize="9" scale="84" firstPageNumber="13" fitToHeight="0" orientation="portrait" useFirstPageNumber="1" r:id="rId1"/>
  <headerFooter alignWithMargins="0">
    <oddFooter>&amp;C&amp;"Century,標準"&amp;14&amp;P</oddFooter>
  </headerFooter>
  <rowBreaks count="1" manualBreakCount="1">
    <brk id="62" max="1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6</vt:i4>
      </vt:variant>
    </vt:vector>
  </HeadingPairs>
  <TitlesOfParts>
    <vt:vector size="11" baseType="lpstr">
      <vt:lpstr>普通科・クリエイティブ</vt:lpstr>
      <vt:lpstr>専門学科</vt:lpstr>
      <vt:lpstr>単位制</vt:lpstr>
      <vt:lpstr>定・通</vt:lpstr>
      <vt:lpstr>特別募集等</vt:lpstr>
      <vt:lpstr>専門学科!Print_Area</vt:lpstr>
      <vt:lpstr>単位制!Print_Area</vt:lpstr>
      <vt:lpstr>定・通!Print_Area</vt:lpstr>
      <vt:lpstr>特別募集等!Print_Area</vt:lpstr>
      <vt:lpstr>普通科・クリエイティブ!Print_Area</vt:lpstr>
      <vt:lpstr>普通科・クリエイティブ!Print_Titles</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cp:lastPrinted>2026-02-17T09:09:25Z</cp:lastPrinted>
  <dcterms:created xsi:type="dcterms:W3CDTF">2026-02-17T06:50:37Z</dcterms:created>
  <dcterms:modified xsi:type="dcterms:W3CDTF">2026-02-17T09:25:56Z</dcterms:modified>
</cp:coreProperties>
</file>